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706\２_建築指導グループ\70_バリアフリー法＆条例\07_条例逐条解説修正\202504更新（逐条解説の更新）\06 ホームページ用（HPに途中作成してあります）\"/>
    </mc:Choice>
  </mc:AlternateContent>
  <bookViews>
    <workbookView xWindow="0" yWindow="0" windowWidth="23040" windowHeight="10500"/>
  </bookViews>
  <sheets>
    <sheet name="【参考】建築物移動等円滑化基準チェックリスト" sheetId="1" r:id="rId1"/>
    <sheet name="【別紙】参考Ⅲ　政令第14条チェックリスト・参考様式（便所）" sheetId="2" r:id="rId2"/>
  </sheets>
  <definedNames>
    <definedName name="_ftn1" localSheetId="0">【参考】建築物移動等円滑化基準チェックリスト!$A$52</definedName>
    <definedName name="_ftn2" localSheetId="0">【参考】建築物移動等円滑化基準チェックリスト!$A$57</definedName>
    <definedName name="_ftn3" localSheetId="0">【参考】建築物移動等円滑化基準チェックリスト!$A$61</definedName>
    <definedName name="_ftnref1" localSheetId="0">【参考】建築物移動等円滑化基準チェックリスト!$C$10</definedName>
    <definedName name="_ftnref2" localSheetId="0">【参考】建築物移動等円滑化基準チェックリスト!$C$18</definedName>
    <definedName name="_ftnref3" localSheetId="0">【参考】建築物移動等円滑化基準チェックリスト!$C$47</definedName>
    <definedName name="_xlnm.Print_Area" localSheetId="1">'【別紙】参考Ⅲ　政令第14条チェックリスト・参考様式（便所）'!$B$2:$I$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33" uniqueCount="195">
  <si>
    <t>チェック項目</t>
  </si>
  <si>
    <t>施設等</t>
    <phoneticPr fontId="1"/>
  </si>
  <si>
    <t>①表面は、粗面とし、又は滑りにくい材料で仕上げているか</t>
    <phoneticPr fontId="1"/>
  </si>
  <si>
    <t>廊下等
（政令第11条）</t>
    <phoneticPr fontId="1"/>
  </si>
  <si>
    <t>①踊場を除き、手すりを設けているか</t>
    <phoneticPr fontId="1"/>
  </si>
  <si>
    <t>②表面は、粗面とし、又は滑りにくい材料で仕上げているか</t>
    <phoneticPr fontId="1"/>
  </si>
  <si>
    <t>③踏面の端部とその周囲の部分との色の明度、色相又は彩度の差が大きいことにより段を容易に識別できるものとしているか</t>
    <phoneticPr fontId="1"/>
  </si>
  <si>
    <t>傾斜路
（政令第13条）</t>
    <phoneticPr fontId="1"/>
  </si>
  <si>
    <t>④段鼻の突き出しその他のつまずきの原因となるものを設けない構造としているか</t>
    <phoneticPr fontId="1"/>
  </si>
  <si>
    <t>①勾配が1／12を超え、又は高さが16cmを超える傾斜がある部分には、手すりを設けているか</t>
    <phoneticPr fontId="1"/>
  </si>
  <si>
    <t>③その前後の廊下等との色の明度、色相又は彩度の差が大きいことによりその存在を容易に識別できるものとしているか</t>
    <phoneticPr fontId="1"/>
  </si>
  <si>
    <t>○一般基準（１/３）</t>
    <phoneticPr fontId="1"/>
  </si>
  <si>
    <t>○一般基準（２/３）</t>
    <phoneticPr fontId="1"/>
  </si>
  <si>
    <t>③車椅子使用者用便房の構造</t>
    <phoneticPr fontId="1"/>
  </si>
  <si>
    <t>(1) 腰掛便座、手すり等を適切に配置しているか</t>
    <phoneticPr fontId="1"/>
  </si>
  <si>
    <t>(2) 車椅子使用者が円滑に利用できるよう十分な空間を確保しているか</t>
    <phoneticPr fontId="1"/>
  </si>
  <si>
    <t>⑤男子用小便器のある便所を設ける場合には、床置式小便器、壁掛式小便器（受け口の高さ35cm以下）、その他これらに類する小便器を1以上、設けているか</t>
    <phoneticPr fontId="1"/>
  </si>
  <si>
    <t>②車椅子使用者用部分の構造</t>
    <phoneticPr fontId="1"/>
  </si>
  <si>
    <t>（１）幅は90㎝以上であるか</t>
    <phoneticPr fontId="1"/>
  </si>
  <si>
    <t>（２）奥行きは135㎝以上であるか</t>
    <phoneticPr fontId="1"/>
  </si>
  <si>
    <t>（３）床は平らであるか</t>
    <phoneticPr fontId="1"/>
  </si>
  <si>
    <t>①客室総数が50以上の場合、車椅子使用者用客室を客室の総数の1／100（端数は切り上げ）以上設けているか</t>
    <phoneticPr fontId="1"/>
  </si>
  <si>
    <t>②車椅子使用者用客室の便所（同じ階に共用の車椅子使用者用便房があれば代替可能）</t>
    <phoneticPr fontId="1"/>
  </si>
  <si>
    <t>【参考】建築物移動等円滑化基準チェックリスト</t>
    <phoneticPr fontId="1"/>
  </si>
  <si>
    <t>※施設等の欄の「第○条」はバリアフリー法施行令の該当条文</t>
    <phoneticPr fontId="1"/>
  </si>
  <si>
    <t>※下線部分は条例により追加している規定</t>
    <phoneticPr fontId="1"/>
  </si>
  <si>
    <t>令和７年６月１日版</t>
    <rPh sb="0" eb="2">
      <t>レイワ</t>
    </rPh>
    <rPh sb="3" eb="4">
      <t>ネン</t>
    </rPh>
    <rPh sb="5" eb="6">
      <t>ガツ</t>
    </rPh>
    <rPh sb="7" eb="8">
      <t>ニチ</t>
    </rPh>
    <rPh sb="8" eb="9">
      <t>バン</t>
    </rPh>
    <phoneticPr fontId="1"/>
  </si>
  <si>
    <t>（1)便所内に車椅子使用者用便房を設けているか</t>
    <phoneticPr fontId="1"/>
  </si>
  <si>
    <t>(ア)腰掛便座、手すり等を適切に配置しているか</t>
    <phoneticPr fontId="1"/>
  </si>
  <si>
    <t>(イ)車椅子使用者が円滑に利用できるよう十分な空間を確保しているか</t>
    <phoneticPr fontId="1"/>
  </si>
  <si>
    <t>（2)車椅子使用者用便房及び当該便房が設けられている便所の出入口の幅は80ｃｍ以上であるか</t>
    <phoneticPr fontId="1"/>
  </si>
  <si>
    <t>（3)車椅子使用者用便房及び当該便房が設けられている便所の出入口に戸を設ける場合には、自動的に開閉する構造その他の車椅子使用者が容易に開閉して通過できる構造で、かつ、その前後に高低差がないか</t>
    <phoneticPr fontId="1"/>
  </si>
  <si>
    <t>③車椅子使用者用客室の浴室又はシャワー室（共用の車椅子使用者用浴室等があれば代替可能）</t>
    <phoneticPr fontId="1"/>
  </si>
  <si>
    <t>（1)浴槽、シャワー、手すり等を適切に配置しているか</t>
    <phoneticPr fontId="1"/>
  </si>
  <si>
    <t>（2)車椅子使用者が円滑に利用できるよう十分な空間を確保しているか</t>
    <phoneticPr fontId="1"/>
  </si>
  <si>
    <t>（3)出入口の幅は80ｃｍ以上であるか</t>
    <phoneticPr fontId="1"/>
  </si>
  <si>
    <t>（4)出入口に戸を設ける場合には、自動的に開閉する構造その他の車椅子使用者が容易に開閉して通過できる構造で、かつ、その前後に高低差がないか</t>
    <phoneticPr fontId="1"/>
  </si>
  <si>
    <t>階段
（政令第12条）</t>
    <phoneticPr fontId="1"/>
  </si>
  <si>
    <t>○一般基準（３/３）</t>
    <phoneticPr fontId="1"/>
  </si>
  <si>
    <t>①表面は、粗面とし、又は滑りにくい材料で仕上げているか</t>
    <phoneticPr fontId="1"/>
  </si>
  <si>
    <t>②段がある部分</t>
    <phoneticPr fontId="1"/>
  </si>
  <si>
    <t>(1)手すりを設けているか</t>
    <phoneticPr fontId="1"/>
  </si>
  <si>
    <t>(2)踏面の端部とその周囲の部分との色の明度、色相又は彩度の差が大きいことにより段を容易に識別できるものとしているか</t>
    <phoneticPr fontId="1"/>
  </si>
  <si>
    <t>(3) 段鼻の突き出しその他のつまずきの原因となるものを設けない構造としているか</t>
    <phoneticPr fontId="1"/>
  </si>
  <si>
    <t>③傾斜路</t>
    <phoneticPr fontId="1"/>
  </si>
  <si>
    <t>(1)勾配が1／12を超え、又は高さが16ｃｍを超え、かつ、勾配が1／20を超える傾斜がある部分に、手すりを設けているか</t>
    <phoneticPr fontId="1"/>
  </si>
  <si>
    <t>(2)その前後の通路との色の明度、色相又は彩度の差が大きいことによりその存在を容易に識別できるものとしているか</t>
    <phoneticPr fontId="1"/>
  </si>
  <si>
    <t>②車椅子使用者用駐車施設</t>
    <phoneticPr fontId="1"/>
  </si>
  <si>
    <t>(1)幅は350ｃｍ以上であるか</t>
    <phoneticPr fontId="1"/>
  </si>
  <si>
    <t>(2)車椅子使用者用駐車施設から利用居室までの経路の長さができるだけ短くなる位置に設けているか</t>
    <phoneticPr fontId="1"/>
  </si>
  <si>
    <t>①移動等円滑化の措置がとられたエレベーターその他の昇降機、便所又は駐車施設の付近に設ける、当該エレベーターその他の昇降機、便所又は駐車施設があることを表示する標識</t>
    <phoneticPr fontId="1"/>
  </si>
  <si>
    <t>(1)高齢者、障害者等の見やすい位置に設けているか</t>
    <phoneticPr fontId="1"/>
  </si>
  <si>
    <t>(2)標識に表示すべき内容が容易に識別できるもの（日本産業規格Ｚ8210に定められているときは、これに適合するもの）であるか</t>
    <phoneticPr fontId="1"/>
  </si>
  <si>
    <t>②建築物又はその敷地に、移動等円滑化の措置がとられたエレベーターその他の昇降機又は便所の配置を点字、文字等の浮き彫り、音による案内、その他これらに類する方法により視覚障害者に示すための設備を設けているか</t>
    <phoneticPr fontId="1"/>
  </si>
  <si>
    <t>①建築物又はその敷地に、移動等円滑化の措置がとられたエレベーターその他の昇降機、便所又は駐車施設の配置を表示した案内板その他の設備を設けているか（配置を容易に視認できる場合は除く）</t>
    <phoneticPr fontId="1"/>
  </si>
  <si>
    <t>③案内所を設ける場合は①②は適用しない</t>
    <phoneticPr fontId="1"/>
  </si>
  <si>
    <t>②当該視覚障害者移動等円滑化経路に、視覚障害者の誘導を行うために、線状ブロック等及び点状ブロック等を適切に組み合わせて敷設し、又は音声その他の方法により視覚障害者を誘導する設備を設けているか（進行方向を変更する必要がない風除室内は除く）</t>
    <phoneticPr fontId="1"/>
  </si>
  <si>
    <t>　　　　 主として自動車の駐車の用に供する施設に設けるものである場合</t>
    <phoneticPr fontId="1"/>
  </si>
  <si>
    <t>　　　　 勾配が1／20を超えない傾斜がある部分の上端に近接するものである場合</t>
    <phoneticPr fontId="1"/>
  </si>
  <si>
    <t>　　　　 高さが16cmを超えず、かつ、勾配が1／12を超えない傾斜がある部分の上端に近接するものである場合</t>
    <phoneticPr fontId="1"/>
  </si>
  <si>
    <t>　　　　 段がある部分若しくは傾斜がある部分と連続して手すりを設ける踊場等である場合</t>
    <phoneticPr fontId="1"/>
  </si>
  <si>
    <t>①階段又は段を設けていないか
（傾斜路又はエレベーターその他の昇降機を併設する場合は除く）</t>
    <phoneticPr fontId="1"/>
  </si>
  <si>
    <t>②戸は、自動的に開閉する構造その他の車椅子使用者が容易に開閉して通過できる構造で、かつ、その前後に高低差がないか</t>
    <phoneticPr fontId="1"/>
  </si>
  <si>
    <t>①幅は120ｃｍ以上であるか</t>
    <phoneticPr fontId="1"/>
  </si>
  <si>
    <t>②50ｍ以内ごとに車椅子の転回に支障がない場所を設けているか</t>
    <phoneticPr fontId="1"/>
  </si>
  <si>
    <t>③戸は、自動的に開閉する構造その他の車椅子使用者が容易に開閉して通過できる構造で、かつ、その前後に高低差がないか</t>
    <phoneticPr fontId="1"/>
  </si>
  <si>
    <t>①幅は、階段に代わるものは120ｃｍ以上、階段に併設するものは90ｃｍ以上であるか</t>
    <phoneticPr fontId="1"/>
  </si>
  <si>
    <t>②勾配は1／12以下であるか（ただし、高さが16ｃｍ以下のものの場合は1／8以下）</t>
    <phoneticPr fontId="1"/>
  </si>
  <si>
    <t>③高さ75ｃｍ以内ごとに踏幅150ｃｍ以上の踊場を設けているか</t>
    <phoneticPr fontId="1"/>
  </si>
  <si>
    <t>①籠は、利用居室、車椅子使用者用便房又は車椅子使用者用駐車施設がある階及び地上階に停止するか</t>
    <phoneticPr fontId="1"/>
  </si>
  <si>
    <t>②籠及び昇降路の出入口の幅は80ｃｍ以上であるか</t>
    <phoneticPr fontId="1"/>
  </si>
  <si>
    <t>③籠の奥行きは135ｃｍ以上であるか</t>
    <phoneticPr fontId="1"/>
  </si>
  <si>
    <t>④乗降ロビーは高低差がなく、その幅及び奥行きは、150ｃｍ以上であるか</t>
    <phoneticPr fontId="1"/>
  </si>
  <si>
    <t>⑤籠内及び乗降ロビーに、車椅子使用者が利用しやすい位置に制御装置を設けているか</t>
    <phoneticPr fontId="1"/>
  </si>
  <si>
    <t>⑥籠内に、籠が停止する予定の階及び籠の現在位置を表示する装置を設けているか</t>
    <phoneticPr fontId="1"/>
  </si>
  <si>
    <t>⑦乗降ロビーに、到着する籠の昇降方向を表示する装置を設けているか</t>
    <phoneticPr fontId="1"/>
  </si>
  <si>
    <t>⑧不特定多数の者が利用する建築物（床面積の合計が2,000㎡以上）の移動等円滑化経路を構成するエレベーター</t>
    <phoneticPr fontId="1"/>
  </si>
  <si>
    <t>(1) 籠の幅は140ｃｍ以上であるか</t>
    <phoneticPr fontId="1"/>
  </si>
  <si>
    <t>(2) 籠は、車椅子の転回に支障がない構造であるか</t>
    <phoneticPr fontId="1"/>
  </si>
  <si>
    <t>(1) 籠内に、籠が到着する階並びに籠及び昇降路の出入口の戸の閉鎖を音声により知らせる装置を設けているか</t>
    <phoneticPr fontId="1"/>
  </si>
  <si>
    <t>(2) 籠内及び乗降ロビーに設ける制御装置は、点字、文字等の浮き彫り、音による案内、その他これらに類する方法により視覚障害者が円滑に操作することができる構造であるか</t>
    <phoneticPr fontId="1"/>
  </si>
  <si>
    <t>(3) 籠内又は乗降ロビーに、到着する籠の昇降方向を音声により知らせる装置を設けているか</t>
    <phoneticPr fontId="1"/>
  </si>
  <si>
    <t>(1)平成12年建設省告示第1413号第一第九号に規定するものとしているか</t>
    <phoneticPr fontId="1"/>
  </si>
  <si>
    <t>(2) 籠の幅70ｃｍ以上、かつ、奥行き120ｃｍ以上であるか</t>
    <phoneticPr fontId="1"/>
  </si>
  <si>
    <t>(3)車椅子使用者が籠内で方向を変更する必要がある場合、籠の幅及び奥行きが十分に確保されているか</t>
    <phoneticPr fontId="1"/>
  </si>
  <si>
    <t>(1)平成12年建設省告示第1417号第一ただし書に規定するものであるか</t>
    <phoneticPr fontId="1"/>
  </si>
  <si>
    <t>④傾斜路</t>
    <phoneticPr fontId="1"/>
  </si>
  <si>
    <t>(1)幅は、段に代わるものは120ｃｍ以上、段に併設するものは90ｃｍ以上であるか</t>
    <phoneticPr fontId="1"/>
  </si>
  <si>
    <t>(2)勾配は、1／12分以下であるか　（高さが16ｃｍ以下のものの場合は1／8以下）</t>
    <phoneticPr fontId="1"/>
  </si>
  <si>
    <t xml:space="preserve">(3)高さ75ｃｍ以内ごとに踏幅150ｃｍ以上の踊場を設けているか（勾配1／20以下の場合は除く） </t>
    <phoneticPr fontId="1"/>
  </si>
  <si>
    <t>⑤道等から建築物の出入口までの敷地内の通路が地形の特殊性により上記①～④の規定によることが困難な場合は、当該建築物の車寄せから建築物の出入口までの経路が上記①～④を満たしているか。</t>
    <phoneticPr fontId="1"/>
  </si>
  <si>
    <t>―</t>
    <phoneticPr fontId="1"/>
  </si>
  <si>
    <t>出入口
（政令第19条
第２項第二号）</t>
    <phoneticPr fontId="1"/>
  </si>
  <si>
    <t>廊下等
（政令第19条
第２項第三号）</t>
    <phoneticPr fontId="1"/>
  </si>
  <si>
    <t>傾斜路
（政令第19条
第２項第四号）</t>
    <phoneticPr fontId="1"/>
  </si>
  <si>
    <t>②車椅子に座ったまま車椅子使用者を昇降させる場合に２枚以上の踏段を同一の面に保ちながら昇降を行うエスカレーターで、運転時の踏段の定格速度を30ｍ/分以下、かつ、２枚以上の踏段を同一の面とした部分の先端に車止めを設けたもの</t>
    <phoneticPr fontId="1"/>
  </si>
  <si>
    <t>①車椅子に座ったまま使用するエレベーターで以下のいずれかに該当するもの
　・籠の定格速度15ｍ/分以下、かつ、床面積2.25㎡以下で、昇降行程４ｍ以下のもの
　・階段及び傾斜路に沿って昇降するもの</t>
    <phoneticPr fontId="1"/>
  </si>
  <si>
    <t>※１　階段又は傾斜路の上端に近接する廊下等の部分が、次のいずれかに該当する場合を除く。（平成18年告示第1497号第一）
　　　　 勾配が1／20を超えない傾斜がある部分の上端に近接するものである場合
　　　　 高さが16cmを超えず、かつ、勾配が1／12を超えない傾斜がある部分の上端に近接するものである場合
　　　　 主として自動車の駐車の用に供する施設に設けるものである場合</t>
    <rPh sb="44" eb="46">
      <t>ヘイセイ</t>
    </rPh>
    <rPh sb="48" eb="49">
      <t>ネン</t>
    </rPh>
    <phoneticPr fontId="1"/>
  </si>
  <si>
    <t>※２　段がある部分の上端に近接する踊場の部分が、次のいずれかに該当する場合を除く。（平成18年告示第1497号第二）
　　　　 主として自動車の駐車の用に供する施設に設けるものである場合
　　　　 段がある部分と連続して手すりを設けるものである場合</t>
    <phoneticPr fontId="1"/>
  </si>
  <si>
    <t>※３　傾斜がある部分の上端に近接する踊場の部分が、次のいずれかに該当する場合を除く。（平成18年告示第1497号第三）
　　　　 勾配が1／20を超えない傾斜がある部分の上端に近接するものである場合
　　　　 高さが16cmを超えず、かつ、勾配が1／12を超えない傾斜がある部分の上端に近接するものである場合
　　　　 主として自動車の駐車の用に供する施設に設けるものである場合
　　　　 傾斜がある部分と連続して手すりを設けるものである場合</t>
    <phoneticPr fontId="1"/>
  </si>
  <si>
    <t>便所
（政令第14条、
R６告示第1074号）</t>
    <phoneticPr fontId="1"/>
  </si>
  <si>
    <t>　　　　 地上階であり、かつ、便所を１以上設ける施設が同一敷地内の当該出入口付近に設けられている階</t>
    <phoneticPr fontId="1"/>
  </si>
  <si>
    <t>劇場等の客席
（政令第15条）
（R６告示第1073号）</t>
    <phoneticPr fontId="1"/>
  </si>
  <si>
    <t>※４　以下のいずれかに該当する階を除く。（令和６年告示第1074号第二）</t>
    <rPh sb="3" eb="5">
      <t>イカ</t>
    </rPh>
    <rPh sb="21" eb="23">
      <t>レイワ</t>
    </rPh>
    <phoneticPr fontId="1"/>
  </si>
  <si>
    <t>※５　以下のいずれかに該当する場合を除く。（令和６年告示第1074号第五）</t>
    <rPh sb="3" eb="5">
      <t>イカ</t>
    </rPh>
    <phoneticPr fontId="1"/>
  </si>
  <si>
    <t>①客席に設ける座席の数が400以下の場合は2以上、400を超える場合は当該座席の数の1/200（端数は切り上げ）以上の車椅子使用者用部分を設けているか</t>
    <phoneticPr fontId="1"/>
  </si>
  <si>
    <t>　　　　 地上階であり、かつ、車椅子使用者用便房を1以上設ける施設が同一敷地内の当該出入口に近接する位置にある場合</t>
    <phoneticPr fontId="1"/>
  </si>
  <si>
    <t>　　　　 当該階に設けるべき車椅子使用者用便房の全部又は一部を、別の階に設ける場合</t>
    <phoneticPr fontId="1"/>
  </si>
  <si>
    <t>　　　　 男子用（女子用）の便所のみを設ける階で、男子用（女子用）の車椅子使用者用便房を１以上設ける場合</t>
    <phoneticPr fontId="1"/>
  </si>
  <si>
    <t xml:space="preserve"> ※６　駐車場が、次のいずれかに該当する場合を除く。（令和６年告示第1072号第一・第二）</t>
    <phoneticPr fontId="1"/>
  </si>
  <si>
    <t>　　　　 機械式駐車場及び機械式駐車場以外の駐車場を設ける場合であって、次のイ及びロに適合する場合</t>
    <phoneticPr fontId="1"/>
  </si>
  <si>
    <t>　　　　　イ　機械式駐車場の出入口の部分に車椅子使用者が円滑に自動車に乗降することが可能な場所が一以上設けられていること</t>
    <phoneticPr fontId="1"/>
  </si>
  <si>
    <t>(4)公共用歩廊の一方の道から他方の道等までの経路</t>
    <phoneticPr fontId="1"/>
  </si>
  <si>
    <t xml:space="preserve">経路
（政令第19条
第1項）
</t>
    <phoneticPr fontId="1"/>
  </si>
  <si>
    <t>○移動等円滑化経路の基準（１/２）</t>
    <rPh sb="10" eb="12">
      <t>キジュン</t>
    </rPh>
    <phoneticPr fontId="1"/>
  </si>
  <si>
    <t>○移動等円滑化経路の基準（２/２）</t>
    <phoneticPr fontId="1"/>
  </si>
  <si>
    <t>エレベーター及びその乗降ロビー
（政令第19条
第２項第五号、
H18告示第1493号）</t>
    <phoneticPr fontId="1"/>
  </si>
  <si>
    <t>○視覚障害者移動等円滑化経路の基準　（道等から案内設備又は案内所までの１以上の経路に係る基準）</t>
    <rPh sb="15" eb="17">
      <t>キジュン</t>
    </rPh>
    <phoneticPr fontId="1"/>
  </si>
  <si>
    <t>特殊な構造又は使用形態のエレベーターその他の昇降機
（政令第19条
第２項第六号、
H18告示第1492号）</t>
    <phoneticPr fontId="1"/>
  </si>
  <si>
    <t>敷地内の通路
（政令第19条
第２項第七号、
政令第19条第３項）</t>
    <phoneticPr fontId="1"/>
  </si>
  <si>
    <t>※８　エレベーター及び乗降ロビーが、主として自動車の駐車の用に供する施設に設けるものである場合を除く。（平成18年告示第1494号）</t>
    <rPh sb="52" eb="54">
      <t>ヘイセイ</t>
    </rPh>
    <rPh sb="56" eb="57">
      <t>ネン</t>
    </rPh>
    <phoneticPr fontId="1"/>
  </si>
  <si>
    <t>※９　道等から案内設備までの経路が、次のいずれかに該当する場合を除く。（平成18年告示第1497号第四）</t>
    <rPh sb="36" eb="38">
      <t>ヘイセイ</t>
    </rPh>
    <rPh sb="40" eb="41">
      <t>ネン</t>
    </rPh>
    <phoneticPr fontId="1"/>
  </si>
  <si>
    <t>※10　段がある部分又は傾斜がある部分の上端に近接する部分が、次のいずれかに該当する場合を除く。（平成18年告示第1497号第五）</t>
    <rPh sb="49" eb="51">
      <t>ヘイセイ</t>
    </rPh>
    <rPh sb="53" eb="54">
      <t>ネン</t>
    </rPh>
    <phoneticPr fontId="1"/>
  </si>
  <si>
    <t>※このチェックリストは設計等を行う際の参考用です。あわせて各条文をご確認ください。</t>
    <phoneticPr fontId="1"/>
  </si>
  <si>
    <t>　　　　　ことがやむを得ないと認められる階</t>
    <phoneticPr fontId="1"/>
  </si>
  <si>
    <t>　　　　 不特定多数の者等が利用する部分の床面積が著しく小さい階、滞在時間が短い階その他の建築物の管理運営上便所を設けない</t>
    <phoneticPr fontId="1"/>
  </si>
  <si>
    <t>　　　　　ている場合</t>
    <phoneticPr fontId="1"/>
  </si>
  <si>
    <t>　　　　 機械式駐車場であり、かつ、その出入口の部分に車椅子使用者が円滑に自動車に乗降することが可能な場所が一以上設けられ</t>
    <phoneticPr fontId="1"/>
  </si>
  <si>
    <t>　　　　 建築物の内にある当該建築物を管理する者等が常時勤務する案内所から直接地上へ通ずる出入口を容易に視認でき、かつ、</t>
    <phoneticPr fontId="1"/>
  </si>
  <si>
    <t>(2)利用居室から車椅子使用者用便房までの経路
・当該利用居室が劇場等の客席である場合は、車椅子使用者用経路を含む。</t>
    <phoneticPr fontId="1"/>
  </si>
  <si>
    <t>(3)車椅子使用者用駐車施設から利用居室までの経路
・当該利用居室が劇場等の客席である場合は、車椅子使用者用経路を含む。</t>
    <phoneticPr fontId="1"/>
  </si>
  <si>
    <t>(1)道等から利用居室までの経路
・当該利用居室が劇場等の客席である場合は、当該客席の出入口と車椅子使用者部分との間の経路
　（以下、車椅子使用者用経路）を含む。
・地上階又はその直上階若しくは直下階のみに利用居室を設ける場合にあっては当該地上階とその直
　上階又は直下階との間の上下の移動に係る部分を除く。</t>
    <rPh sb="64" eb="66">
      <t>イカ</t>
    </rPh>
    <phoneticPr fontId="1"/>
  </si>
  <si>
    <t>　　　　　ロ　機械式駐車場の駐車施設（車椅子使用者が円滑に乗降することが可能なものに限る。）の数と機械式駐車場以外の駐車場の</t>
    <phoneticPr fontId="1"/>
  </si>
  <si>
    <t>　　　　　　　 車椅子使用者用駐車施設の数の合計数が、駐車施設の総数に応じて算出される車椅子使用者用駐車施設の必要数以上で</t>
    <phoneticPr fontId="1"/>
  </si>
  <si>
    <t xml:space="preserve">                あること</t>
    <phoneticPr fontId="1"/>
  </si>
  <si>
    <t xml:space="preserve">
</t>
    <phoneticPr fontId="1"/>
  </si>
  <si>
    <t>(2) 不特定多数の者等が利用する床面積が10,000㎡超の階（大規模階）を有する場合
　・階の床面積が10,000㎡超40,000㎡以下：2以上
　・階の床面積が40,000㎡超：床面積の１/20,000以上（端数は切り上げ）
　※当該階の便所の箇所数がこの数より少ない場合は、便所の箇所数以上</t>
    <phoneticPr fontId="1"/>
  </si>
  <si>
    <r>
      <t>②</t>
    </r>
    <r>
      <rPr>
        <u/>
        <sz val="9"/>
        <rFont val="ＭＳ Ｐゴシック"/>
        <family val="3"/>
        <charset val="128"/>
      </rPr>
      <t>階段又は傾斜路の上端に近接する廊下等の部分には、段差又は傾斜の存在の警告を行うために、点状ブロック等を敷設しているか</t>
    </r>
    <r>
      <rPr>
        <vertAlign val="superscript"/>
        <sz val="9"/>
        <rFont val="ＭＳ Ｐゴシック"/>
        <family val="3"/>
        <charset val="128"/>
      </rPr>
      <t xml:space="preserve">※１ </t>
    </r>
    <phoneticPr fontId="1"/>
  </si>
  <si>
    <r>
      <t>⑤</t>
    </r>
    <r>
      <rPr>
        <u/>
        <sz val="9"/>
        <rFont val="ＭＳ Ｐゴシック"/>
        <family val="3"/>
        <charset val="128"/>
      </rPr>
      <t>段がある部分の上端に近接する踊場の部分には、警告を行うために、点状ブロック等を敷設しているか</t>
    </r>
    <r>
      <rPr>
        <vertAlign val="superscript"/>
        <sz val="9"/>
        <rFont val="ＭＳ Ｐゴシック"/>
        <family val="3"/>
        <charset val="128"/>
      </rPr>
      <t>※２</t>
    </r>
    <phoneticPr fontId="1"/>
  </si>
  <si>
    <r>
      <t>⑥</t>
    </r>
    <r>
      <rPr>
        <u/>
        <sz val="9"/>
        <rFont val="ＭＳ Ｐゴシック"/>
        <family val="3"/>
        <charset val="128"/>
      </rPr>
      <t>主たる階段のうち１以上は、踊り場に手すりを設け、かつ、回り階段としていないか。</t>
    </r>
    <r>
      <rPr>
        <sz val="9"/>
        <rFont val="ＭＳ Ｐゴシック"/>
        <family val="3"/>
        <charset val="128"/>
      </rPr>
      <t>また、その他の主たる階段も、回り階段としていないか（回り階段以外の階段を設ける空間を確保することが困難な場合は除く）</t>
    </r>
    <phoneticPr fontId="1"/>
  </si>
  <si>
    <r>
      <t>④傾斜がある部分の上端に近接する踊場の部分には、視覚障害者に対し警告を行うために、点状ブロック等を敷設しているか</t>
    </r>
    <r>
      <rPr>
        <vertAlign val="superscript"/>
        <sz val="9"/>
        <rFont val="ＭＳ Ｐゴシック"/>
        <family val="3"/>
        <charset val="128"/>
      </rPr>
      <t xml:space="preserve">※３ </t>
    </r>
    <r>
      <rPr>
        <sz val="9"/>
        <rFont val="ＭＳ Ｐゴシック"/>
        <family val="3"/>
        <charset val="128"/>
      </rPr>
      <t>　</t>
    </r>
    <phoneticPr fontId="1"/>
  </si>
  <si>
    <r>
      <t>①階数</t>
    </r>
    <r>
      <rPr>
        <vertAlign val="superscript"/>
        <sz val="9"/>
        <rFont val="ＭＳ Ｐゴシック"/>
        <family val="3"/>
        <charset val="128"/>
      </rPr>
      <t>※４</t>
    </r>
    <r>
      <rPr>
        <sz val="9"/>
        <rFont val="ＭＳ Ｐゴシック"/>
        <family val="3"/>
        <charset val="128"/>
      </rPr>
      <t xml:space="preserve"> に相当する数の便所を、特定の階に偏ることなく利用上の支障がない位置に設けているか　
※別紙「参考Ⅲ　政令第14条チェックリスト・参考様式（便所）」参照</t>
    </r>
    <phoneticPr fontId="1"/>
  </si>
  <si>
    <r>
      <t xml:space="preserve">②便所設置階には、車椅子使用者用便房を１以上（男子用及び女子用の区別を設ける場合にあってはそれぞれ1以上）、設けているか </t>
    </r>
    <r>
      <rPr>
        <vertAlign val="superscript"/>
        <sz val="9"/>
        <rFont val="ＭＳ Ｐゴシック"/>
        <family val="3"/>
        <charset val="128"/>
      </rPr>
      <t>※５</t>
    </r>
    <r>
      <rPr>
        <sz val="9"/>
        <rFont val="ＭＳ Ｐゴシック"/>
        <family val="3"/>
        <charset val="128"/>
      </rPr>
      <t xml:space="preserve">
また以下のいずれかに該当する場合は、車椅子使用者用便房をそれぞれで定める数以上、設けているか
※別紙「参考Ⅲ　政令第14条チェックリスト・参考様式（便所）」参照</t>
    </r>
    <phoneticPr fontId="1"/>
  </si>
  <si>
    <r>
      <t>(1) 不特定多数の者等が利用する部分の床面積が1,000㎡未満の階（小規模階）を有する場合
　・小規模階の床面積の合計が1,000㎡に達するごとに1以上
　※便所設置階の数がこの数より少ない場合は、便所設置階の数以上
　・</t>
    </r>
    <r>
      <rPr>
        <u/>
        <sz val="9"/>
        <rFont val="ＭＳ Ｐゴシック"/>
        <family val="3"/>
        <charset val="128"/>
      </rPr>
      <t>小規模階の床面積の合計が1,000㎡未満の場合は１以上</t>
    </r>
    <phoneticPr fontId="1"/>
  </si>
  <si>
    <r>
      <t>④高齢者、障害者等が円滑に利用することができる構造の水洗器具を設けた便房（オストメイト対応）を1以上、設けているか　※</t>
    </r>
    <r>
      <rPr>
        <u/>
        <sz val="9"/>
        <rFont val="ＭＳ Ｐゴシック"/>
        <family val="3"/>
        <charset val="128"/>
      </rPr>
      <t>幼稚園、保育所及び幼保連携型認定こども園については適用除外</t>
    </r>
    <phoneticPr fontId="1"/>
  </si>
  <si>
    <t>ホテル又は
旅館の客室
(政令第16条)
(R６告示第1074・H18告示1495号)</t>
    <rPh sb="35" eb="37">
      <t>コクジ</t>
    </rPh>
    <phoneticPr fontId="1"/>
  </si>
  <si>
    <t>敷地内の通路
（政令第17条）</t>
    <phoneticPr fontId="1"/>
  </si>
  <si>
    <t>駐車場
（政令第18条）</t>
    <phoneticPr fontId="1"/>
  </si>
  <si>
    <r>
      <t>①駐車施設の数が200 以下の場合は駐車施設の数の2/100（端数は切り上げ）以上、200 を超える場合は駐車施設の数の1/100＋2 以上の車椅子使用者用駐車施設を設けているか</t>
    </r>
    <r>
      <rPr>
        <vertAlign val="superscript"/>
        <sz val="9"/>
        <rFont val="ＭＳ Ｐゴシック"/>
        <family val="3"/>
        <charset val="128"/>
      </rPr>
      <t>※６</t>
    </r>
    <phoneticPr fontId="1"/>
  </si>
  <si>
    <t>標識
（政令第20条、
省令第113号）</t>
    <phoneticPr fontId="1"/>
  </si>
  <si>
    <t>案内設備
（政令第21条、
R６告示第1491号）</t>
    <phoneticPr fontId="1"/>
  </si>
  <si>
    <r>
      <t>①次に定める経路のうちそれぞれ1以上（（４）にあってはその全て）を、移動等円滑化経路</t>
    </r>
    <r>
      <rPr>
        <vertAlign val="superscript"/>
        <sz val="9"/>
        <rFont val="ＭＳ Ｐゴシック"/>
        <family val="3"/>
        <charset val="128"/>
      </rPr>
      <t>※７</t>
    </r>
    <r>
      <rPr>
        <sz val="9"/>
        <rFont val="ＭＳ Ｐゴシック"/>
        <family val="3"/>
        <charset val="128"/>
      </rPr>
      <t>としているか</t>
    </r>
    <phoneticPr fontId="1"/>
  </si>
  <si>
    <r>
      <t>階段
（政令第19条
第２項第一号）
※</t>
    </r>
    <r>
      <rPr>
        <u/>
        <sz val="9"/>
        <rFont val="ＭＳ Ｐゴシック"/>
        <family val="3"/>
        <charset val="128"/>
      </rPr>
      <t>1,000㎡未満の施設については適用除外（階と階との間の移動に係る部分に設けるものに限る。）</t>
    </r>
    <rPh sb="0" eb="2">
      <t>カイダン</t>
    </rPh>
    <phoneticPr fontId="1"/>
  </si>
  <si>
    <r>
      <t>①幅は80ｃｍ以上</t>
    </r>
    <r>
      <rPr>
        <u/>
        <sz val="9"/>
        <rFont val="ＭＳ Ｐゴシック"/>
        <family val="3"/>
        <charset val="128"/>
      </rPr>
      <t>（直接地上へ通ずる出入口の場合は90ｃｍ以上）</t>
    </r>
    <r>
      <rPr>
        <sz val="9"/>
        <rFont val="ＭＳ Ｐゴシック"/>
        <family val="3"/>
        <charset val="128"/>
      </rPr>
      <t>であるか</t>
    </r>
    <phoneticPr fontId="1"/>
  </si>
  <si>
    <r>
      <t>⑨不特定多数の者、又は主に視覚障害者が利用するエレベーター及び乗降ロビー</t>
    </r>
    <r>
      <rPr>
        <vertAlign val="superscript"/>
        <sz val="9"/>
        <rFont val="ＭＳ Ｐゴシック"/>
        <family val="3"/>
        <charset val="128"/>
      </rPr>
      <t>※８</t>
    </r>
    <phoneticPr fontId="1"/>
  </si>
  <si>
    <r>
      <t>※７　</t>
    </r>
    <r>
      <rPr>
        <u/>
        <sz val="9"/>
        <rFont val="ＭＳ Ｐゴシック"/>
        <family val="3"/>
        <charset val="128"/>
      </rPr>
      <t>共同住宅の住戸は政令第19条第１項第１号に規定する利用居室に該当しないが、階数が４以上の共同住宅にあっては、同号に規定</t>
    </r>
    <phoneticPr fontId="1"/>
  </si>
  <si>
    <r>
      <rPr>
        <sz val="9"/>
        <rFont val="ＭＳ Ｐゴシック"/>
        <family val="3"/>
        <charset val="128"/>
      </rPr>
      <t xml:space="preserve">　　　 </t>
    </r>
    <r>
      <rPr>
        <u/>
        <sz val="9"/>
        <rFont val="ＭＳ Ｐゴシック"/>
        <family val="3"/>
        <charset val="128"/>
      </rPr>
      <t>する道等及び駐車場から住戸までの経路を、移動等円滑化経路とする。</t>
    </r>
    <phoneticPr fontId="1"/>
  </si>
  <si>
    <r>
      <t>①幅は</t>
    </r>
    <r>
      <rPr>
        <u/>
        <sz val="9"/>
        <rFont val="ＭＳ Ｐゴシック"/>
        <family val="3"/>
        <charset val="128"/>
      </rPr>
      <t>140ｃｍ以上</t>
    </r>
    <r>
      <rPr>
        <sz val="9"/>
        <rFont val="ＭＳ Ｐゴシック"/>
        <family val="3"/>
        <charset val="128"/>
      </rPr>
      <t>であるか</t>
    </r>
    <phoneticPr fontId="1"/>
  </si>
  <si>
    <t>案内設備
までの経路
（政令第22条）</t>
    <phoneticPr fontId="1"/>
  </si>
  <si>
    <r>
      <t>①道等から案内設備②に示す設備又は案内所までの経路の1以上を、視覚障害者移動等円滑化経路としているか</t>
    </r>
    <r>
      <rPr>
        <vertAlign val="superscript"/>
        <sz val="9"/>
        <rFont val="ＭＳ Ｐゴシック"/>
        <family val="3"/>
        <charset val="128"/>
      </rPr>
      <t>※９</t>
    </r>
    <phoneticPr fontId="1"/>
  </si>
  <si>
    <r>
      <t>③当該視覚障害者移動等円滑化経路を構成する敷地内の通路の車路に近接する部分、及び、段がある部分又は傾斜がある部分の上端に近接する部分</t>
    </r>
    <r>
      <rPr>
        <vertAlign val="superscript"/>
        <sz val="9"/>
        <rFont val="ＭＳ Ｐゴシック"/>
        <family val="3"/>
        <charset val="128"/>
      </rPr>
      <t>※10</t>
    </r>
    <r>
      <rPr>
        <sz val="9"/>
        <rFont val="ＭＳ Ｐゴシック"/>
        <family val="3"/>
        <charset val="128"/>
      </rPr>
      <t>には、視覚障害者に対し警告を行うために、点状ブロック等を敷設しているか</t>
    </r>
    <phoneticPr fontId="1"/>
  </si>
  <si>
    <t>　　　　　道等から当該出入口までの経路が②及び③に適合するものである場合</t>
    <phoneticPr fontId="1"/>
  </si>
  <si>
    <r>
      <t>□　車椅子使用者用便房を設ける施設が同一敷地内かつその階の出入口付近にある地上階
□　当該階に設けるべき車椅子使用者用便房を別の階に設ける階
　　（設置階：　階、別の階に設けた数：　）</t>
    </r>
    <r>
      <rPr>
        <sz val="7"/>
        <color theme="1"/>
        <rFont val="游ゴシック"/>
        <family val="3"/>
        <charset val="128"/>
        <scheme val="minor"/>
      </rPr>
      <t xml:space="preserve">
□　男子用（女子用）の不特定多数利用便所・車椅子使用者用便房のみ設ける階</t>
    </r>
    <rPh sb="2" eb="5">
      <t>クルマイス</t>
    </rPh>
    <rPh sb="5" eb="8">
      <t>シヨウシャ</t>
    </rPh>
    <rPh sb="8" eb="9">
      <t>ヨウ</t>
    </rPh>
    <rPh sb="9" eb="10">
      <t>ベン</t>
    </rPh>
    <rPh sb="10" eb="11">
      <t>フサ</t>
    </rPh>
    <rPh sb="37" eb="39">
      <t>チジョウ</t>
    </rPh>
    <rPh sb="39" eb="40">
      <t>カイ</t>
    </rPh>
    <rPh sb="43" eb="45">
      <t>トウガイ</t>
    </rPh>
    <rPh sb="45" eb="46">
      <t>カイ</t>
    </rPh>
    <rPh sb="47" eb="48">
      <t>モウ</t>
    </rPh>
    <rPh sb="52" eb="55">
      <t>クルマイス</t>
    </rPh>
    <rPh sb="55" eb="57">
      <t>シヨウ</t>
    </rPh>
    <rPh sb="57" eb="59">
      <t>シャヨウ</t>
    </rPh>
    <rPh sb="59" eb="60">
      <t>ベン</t>
    </rPh>
    <rPh sb="60" eb="61">
      <t>フサ</t>
    </rPh>
    <rPh sb="62" eb="63">
      <t>ベツ</t>
    </rPh>
    <rPh sb="64" eb="65">
      <t>カイ</t>
    </rPh>
    <rPh sb="66" eb="67">
      <t>モウ</t>
    </rPh>
    <rPh sb="69" eb="70">
      <t>カイ</t>
    </rPh>
    <rPh sb="95" eb="98">
      <t>ダンシヨウ</t>
    </rPh>
    <rPh sb="99" eb="102">
      <t>ジョシヨウ</t>
    </rPh>
    <rPh sb="104" eb="107">
      <t>フトクテイ</t>
    </rPh>
    <rPh sb="107" eb="109">
      <t>タスウ</t>
    </rPh>
    <rPh sb="109" eb="111">
      <t>リヨウ</t>
    </rPh>
    <rPh sb="111" eb="113">
      <t>ベンジョ</t>
    </rPh>
    <rPh sb="114" eb="117">
      <t>クルマイス</t>
    </rPh>
    <rPh sb="117" eb="119">
      <t>シヨウ</t>
    </rPh>
    <rPh sb="119" eb="121">
      <t>シャヨウ</t>
    </rPh>
    <rPh sb="121" eb="122">
      <t>ベン</t>
    </rPh>
    <rPh sb="122" eb="123">
      <t>フサ</t>
    </rPh>
    <rPh sb="125" eb="126">
      <t>モウ</t>
    </rPh>
    <rPh sb="128" eb="129">
      <t>カイ</t>
    </rPh>
    <phoneticPr fontId="9"/>
  </si>
  <si>
    <t>車椅子使用者用便房</t>
    <phoneticPr fontId="9"/>
  </si>
  <si>
    <t>□　便所を設ける施設が同一敷地内かつその階の出入り口付近にある地上階
□　不特定多数の者等が利用する部分の床面積が著しく小さい階（　　　　　　）
□　不特定多数の者等が滞在する時間が短い階（　　　　　　）
□　その他管理運営上やむを得ない階（　　　　　　）</t>
    <rPh sb="31" eb="33">
      <t>チジョウ</t>
    </rPh>
    <rPh sb="37" eb="40">
      <t>フトクテイ</t>
    </rPh>
    <rPh sb="40" eb="42">
      <t>タスウ</t>
    </rPh>
    <rPh sb="43" eb="44">
      <t>モノ</t>
    </rPh>
    <rPh sb="44" eb="45">
      <t>トウ</t>
    </rPh>
    <rPh sb="46" eb="48">
      <t>リヨウ</t>
    </rPh>
    <rPh sb="50" eb="52">
      <t>ブブン</t>
    </rPh>
    <rPh sb="53" eb="56">
      <t>ユカメンセキ</t>
    </rPh>
    <rPh sb="57" eb="58">
      <t>イチジル</t>
    </rPh>
    <rPh sb="60" eb="61">
      <t>チイ</t>
    </rPh>
    <rPh sb="63" eb="64">
      <t>カイ</t>
    </rPh>
    <rPh sb="75" eb="78">
      <t>フトクテイ</t>
    </rPh>
    <rPh sb="78" eb="80">
      <t>タスウ</t>
    </rPh>
    <rPh sb="81" eb="82">
      <t>モノ</t>
    </rPh>
    <rPh sb="82" eb="83">
      <t>トウ</t>
    </rPh>
    <rPh sb="84" eb="86">
      <t>タイザイ</t>
    </rPh>
    <rPh sb="88" eb="90">
      <t>ジカン</t>
    </rPh>
    <rPh sb="91" eb="92">
      <t>ミジカ</t>
    </rPh>
    <rPh sb="93" eb="94">
      <t>カイ</t>
    </rPh>
    <rPh sb="107" eb="108">
      <t>ホカ</t>
    </rPh>
    <rPh sb="108" eb="110">
      <t>カンリ</t>
    </rPh>
    <phoneticPr fontId="9"/>
  </si>
  <si>
    <t>不特定多数の者等が利用する便所</t>
    <phoneticPr fontId="9"/>
  </si>
  <si>
    <t>3（共用３）</t>
    <rPh sb="2" eb="4">
      <t>キョウヨウ</t>
    </rPh>
    <phoneticPr fontId="9"/>
  </si>
  <si>
    <t>2（男女各２）</t>
    <rPh sb="2" eb="3">
      <t>オトコ</t>
    </rPh>
    <rPh sb="3" eb="4">
      <t>オンナ</t>
    </rPh>
    <rPh sb="4" eb="5">
      <t>カク</t>
    </rPh>
    <phoneticPr fontId="9"/>
  </si>
  <si>
    <r>
      <rPr>
        <sz val="7"/>
        <color rgb="FFFF0000"/>
        <rFont val="Segoe UI Symbol"/>
        <family val="2"/>
      </rPr>
      <t>☑</t>
    </r>
    <r>
      <rPr>
        <sz val="7"/>
        <color rgb="FFFF0000"/>
        <rFont val="游ゴシック"/>
        <family val="3"/>
        <charset val="128"/>
        <scheme val="minor"/>
      </rPr>
      <t>　</t>
    </r>
    <r>
      <rPr>
        <sz val="7"/>
        <rFont val="游ゴシック"/>
        <family val="3"/>
        <charset val="128"/>
        <scheme val="minor"/>
      </rPr>
      <t xml:space="preserve">大規模階
</t>
    </r>
    <r>
      <rPr>
        <sz val="7"/>
        <rFont val="Segoe UI Symbol"/>
        <family val="3"/>
      </rPr>
      <t>□</t>
    </r>
    <r>
      <rPr>
        <sz val="7"/>
        <rFont val="游ゴシック"/>
        <family val="3"/>
        <charset val="128"/>
        <scheme val="minor"/>
      </rPr>
      <t xml:space="preserve">　小規模階
</t>
    </r>
    <r>
      <rPr>
        <sz val="7"/>
        <rFont val="Segoe UI Symbol"/>
        <family val="3"/>
      </rPr>
      <t>□</t>
    </r>
    <r>
      <rPr>
        <sz val="7"/>
        <rFont val="游ゴシック"/>
        <family val="3"/>
        <charset val="128"/>
        <scheme val="minor"/>
      </rPr>
      <t>　その他の階</t>
    </r>
    <rPh sb="2" eb="6">
      <t>ダイキボカイ</t>
    </rPh>
    <rPh sb="9" eb="13">
      <t>ショウキボカイ</t>
    </rPh>
    <rPh sb="18" eb="19">
      <t>タ</t>
    </rPh>
    <rPh sb="20" eb="21">
      <t>カイ</t>
    </rPh>
    <phoneticPr fontId="9"/>
  </si>
  <si>
    <t>１階</t>
    <rPh sb="1" eb="2">
      <t>カイ</t>
    </rPh>
    <phoneticPr fontId="9"/>
  </si>
  <si>
    <r>
      <rPr>
        <sz val="7"/>
        <color rgb="FFFF0000"/>
        <rFont val="Segoe UI Symbol"/>
        <family val="2"/>
      </rPr>
      <t>☑</t>
    </r>
    <r>
      <rPr>
        <sz val="7"/>
        <color rgb="FFFF0000"/>
        <rFont val="游ゴシック"/>
        <family val="2"/>
        <charset val="128"/>
      </rPr>
      <t>　</t>
    </r>
    <r>
      <rPr>
        <sz val="7"/>
        <color theme="1"/>
        <rFont val="游ゴシック"/>
        <family val="2"/>
        <charset val="128"/>
        <scheme val="minor"/>
      </rPr>
      <t>当該階に設けるべき車椅子使用者用便房を別の階に設ける階
　　（設置階：</t>
    </r>
    <r>
      <rPr>
        <sz val="7"/>
        <color rgb="FFFF0000"/>
        <rFont val="游ゴシック"/>
        <family val="3"/>
        <charset val="128"/>
        <scheme val="minor"/>
      </rPr>
      <t>１階</t>
    </r>
    <r>
      <rPr>
        <sz val="7"/>
        <color theme="1"/>
        <rFont val="游ゴシック"/>
        <family val="2"/>
        <charset val="128"/>
        <scheme val="minor"/>
      </rPr>
      <t>、別の階に設けた数：</t>
    </r>
    <r>
      <rPr>
        <sz val="7"/>
        <color rgb="FFFF0000"/>
        <rFont val="游ゴシック"/>
        <family val="3"/>
        <charset val="128"/>
        <scheme val="minor"/>
      </rPr>
      <t>１</t>
    </r>
    <r>
      <rPr>
        <sz val="7"/>
        <color theme="1"/>
        <rFont val="游ゴシック"/>
        <family val="2"/>
        <charset val="128"/>
        <scheme val="minor"/>
      </rPr>
      <t xml:space="preserve">）
</t>
    </r>
    <r>
      <rPr>
        <sz val="7"/>
        <color theme="1"/>
        <rFont val="Segoe UI Symbol"/>
        <family val="2"/>
      </rPr>
      <t>□</t>
    </r>
    <r>
      <rPr>
        <sz val="7"/>
        <color theme="1"/>
        <rFont val="游ゴシック"/>
        <family val="2"/>
        <charset val="128"/>
        <scheme val="minor"/>
      </rPr>
      <t>　男子用（女子用）の不特定多数利用便所・車椅子使用者用便房のみ設ける階</t>
    </r>
    <rPh sb="2" eb="4">
      <t>トウガイ</t>
    </rPh>
    <rPh sb="4" eb="5">
      <t>カイ</t>
    </rPh>
    <rPh sb="6" eb="7">
      <t>モウ</t>
    </rPh>
    <rPh sb="11" eb="14">
      <t>クルマイス</t>
    </rPh>
    <rPh sb="14" eb="16">
      <t>シヨウ</t>
    </rPh>
    <rPh sb="16" eb="18">
      <t>シャヨウ</t>
    </rPh>
    <rPh sb="18" eb="19">
      <t>ベン</t>
    </rPh>
    <rPh sb="19" eb="20">
      <t>フサ</t>
    </rPh>
    <rPh sb="21" eb="22">
      <t>ベツ</t>
    </rPh>
    <rPh sb="23" eb="24">
      <t>カイ</t>
    </rPh>
    <rPh sb="25" eb="26">
      <t>モウ</t>
    </rPh>
    <rPh sb="28" eb="29">
      <t>カイ</t>
    </rPh>
    <rPh sb="33" eb="35">
      <t>セッチ</t>
    </rPh>
    <rPh sb="35" eb="36">
      <t>カイ</t>
    </rPh>
    <rPh sb="38" eb="39">
      <t>カイ</t>
    </rPh>
    <rPh sb="40" eb="41">
      <t>ベツ</t>
    </rPh>
    <rPh sb="42" eb="43">
      <t>カイ</t>
    </rPh>
    <rPh sb="44" eb="45">
      <t>モウ</t>
    </rPh>
    <rPh sb="47" eb="48">
      <t>カズ</t>
    </rPh>
    <phoneticPr fontId="9"/>
  </si>
  <si>
    <t>□　不特定多数の者等が利用する部分の床面積が著しく小さい階（　　　　　　）
□　不特定多数の者等が滞在する時間が短い階（　　　　　　）
□　その他管理運営上やむを得ない階（　　　　　　）</t>
    <rPh sb="2" eb="5">
      <t>フトクテイ</t>
    </rPh>
    <rPh sb="5" eb="7">
      <t>タスウ</t>
    </rPh>
    <rPh sb="8" eb="9">
      <t>モノ</t>
    </rPh>
    <rPh sb="9" eb="10">
      <t>トウ</t>
    </rPh>
    <rPh sb="11" eb="13">
      <t>リヨウ</t>
    </rPh>
    <rPh sb="15" eb="17">
      <t>ブブン</t>
    </rPh>
    <rPh sb="18" eb="21">
      <t>ユカメンセキ</t>
    </rPh>
    <rPh sb="22" eb="23">
      <t>イチジル</t>
    </rPh>
    <rPh sb="25" eb="26">
      <t>チイ</t>
    </rPh>
    <rPh sb="28" eb="29">
      <t>カイ</t>
    </rPh>
    <rPh sb="40" eb="43">
      <t>フトクテイ</t>
    </rPh>
    <rPh sb="43" eb="45">
      <t>タスウ</t>
    </rPh>
    <rPh sb="46" eb="47">
      <t>モノ</t>
    </rPh>
    <rPh sb="47" eb="48">
      <t>トウ</t>
    </rPh>
    <rPh sb="49" eb="51">
      <t>タイザイ</t>
    </rPh>
    <rPh sb="53" eb="55">
      <t>ジカン</t>
    </rPh>
    <rPh sb="56" eb="57">
      <t>ミジカ</t>
    </rPh>
    <rPh sb="58" eb="59">
      <t>カイ</t>
    </rPh>
    <rPh sb="72" eb="73">
      <t>ホカ</t>
    </rPh>
    <rPh sb="73" eb="75">
      <t>カンリ</t>
    </rPh>
    <phoneticPr fontId="9"/>
  </si>
  <si>
    <t>1（共用１）</t>
    <rPh sb="2" eb="4">
      <t>キョウヨウ</t>
    </rPh>
    <phoneticPr fontId="9"/>
  </si>
  <si>
    <t>2（男女各２）</t>
    <rPh sb="2" eb="4">
      <t>ダンジョ</t>
    </rPh>
    <rPh sb="4" eb="5">
      <t>カク</t>
    </rPh>
    <phoneticPr fontId="9"/>
  </si>
  <si>
    <r>
      <rPr>
        <sz val="7"/>
        <color rgb="FFFF0000"/>
        <rFont val="Segoe UI Symbol"/>
        <family val="2"/>
      </rPr>
      <t>☑</t>
    </r>
    <r>
      <rPr>
        <sz val="7"/>
        <rFont val="游ゴシック"/>
        <family val="3"/>
        <charset val="128"/>
        <scheme val="minor"/>
      </rPr>
      <t xml:space="preserve">　大規模階
</t>
    </r>
    <r>
      <rPr>
        <sz val="7"/>
        <rFont val="Segoe UI Symbol"/>
        <family val="3"/>
      </rPr>
      <t>□</t>
    </r>
    <r>
      <rPr>
        <sz val="7"/>
        <rFont val="游ゴシック"/>
        <family val="3"/>
        <charset val="128"/>
        <scheme val="minor"/>
      </rPr>
      <t xml:space="preserve">　小規模階
</t>
    </r>
    <r>
      <rPr>
        <sz val="7"/>
        <rFont val="Segoe UI Symbol"/>
        <family val="3"/>
      </rPr>
      <t>□</t>
    </r>
    <r>
      <rPr>
        <sz val="7"/>
        <rFont val="游ゴシック"/>
        <family val="3"/>
        <charset val="128"/>
        <scheme val="minor"/>
      </rPr>
      <t>　その他の階</t>
    </r>
    <rPh sb="2" eb="6">
      <t>ダイキボカイ</t>
    </rPh>
    <rPh sb="9" eb="13">
      <t>ショウキボカイ</t>
    </rPh>
    <rPh sb="18" eb="19">
      <t>タ</t>
    </rPh>
    <rPh sb="20" eb="21">
      <t>カイ</t>
    </rPh>
    <phoneticPr fontId="9"/>
  </si>
  <si>
    <t>２階</t>
    <rPh sb="1" eb="2">
      <t>カイ</t>
    </rPh>
    <phoneticPr fontId="9"/>
  </si>
  <si>
    <r>
      <t xml:space="preserve">□　当該階に設けるべき車椅子使用者用便房を別の階に設ける階
　　（設置階：　階、別の階に設けた数：　）
</t>
    </r>
    <r>
      <rPr>
        <sz val="7"/>
        <color rgb="FFFF0000"/>
        <rFont val="Segoe UI Symbol"/>
        <family val="2"/>
      </rPr>
      <t>☑</t>
    </r>
    <r>
      <rPr>
        <sz val="7"/>
        <color rgb="FFFF0000"/>
        <rFont val="游ゴシック"/>
        <family val="2"/>
        <charset val="128"/>
      </rPr>
      <t>　</t>
    </r>
    <r>
      <rPr>
        <sz val="7"/>
        <color theme="1"/>
        <rFont val="游ゴシック"/>
        <family val="2"/>
        <charset val="128"/>
        <scheme val="minor"/>
      </rPr>
      <t>男子用（女子用）の不特定多数利用便所・車椅子使用者用便房のみ設ける階</t>
    </r>
    <rPh sb="2" eb="4">
      <t>トウガイ</t>
    </rPh>
    <rPh sb="3" eb="4">
      <t>カイ</t>
    </rPh>
    <rPh sb="5" eb="6">
      <t>モウ</t>
    </rPh>
    <rPh sb="10" eb="13">
      <t>クルマイス</t>
    </rPh>
    <rPh sb="13" eb="15">
      <t>シヨウ</t>
    </rPh>
    <rPh sb="15" eb="17">
      <t>シャヨウ</t>
    </rPh>
    <rPh sb="17" eb="18">
      <t>ベン</t>
    </rPh>
    <rPh sb="18" eb="19">
      <t>フサ</t>
    </rPh>
    <rPh sb="20" eb="21">
      <t>ベツ</t>
    </rPh>
    <rPh sb="22" eb="23">
      <t>カイ</t>
    </rPh>
    <rPh sb="24" eb="25">
      <t>モウ</t>
    </rPh>
    <rPh sb="27" eb="28">
      <t>カイ</t>
    </rPh>
    <phoneticPr fontId="9"/>
  </si>
  <si>
    <t>1（女１）</t>
    <rPh sb="2" eb="3">
      <t>オンナ</t>
    </rPh>
    <phoneticPr fontId="9"/>
  </si>
  <si>
    <r>
      <t xml:space="preserve">□　大規模階
□　小規模階
</t>
    </r>
    <r>
      <rPr>
        <sz val="7"/>
        <color rgb="FFFF0000"/>
        <rFont val="Segoe UI Symbol"/>
        <family val="2"/>
      </rPr>
      <t>☑</t>
    </r>
    <r>
      <rPr>
        <sz val="7"/>
        <rFont val="游ゴシック"/>
        <family val="3"/>
        <charset val="128"/>
        <scheme val="minor"/>
      </rPr>
      <t>　その他の階</t>
    </r>
    <rPh sb="2" eb="6">
      <t>ダイキボカイ</t>
    </rPh>
    <rPh sb="9" eb="13">
      <t>ショウキボカイ</t>
    </rPh>
    <rPh sb="18" eb="19">
      <t>タ</t>
    </rPh>
    <rPh sb="20" eb="21">
      <t>カイ</t>
    </rPh>
    <phoneticPr fontId="9"/>
  </si>
  <si>
    <t>３階</t>
    <rPh sb="1" eb="2">
      <t>カイ</t>
    </rPh>
    <phoneticPr fontId="9"/>
  </si>
  <si>
    <t>□　当該階に設けるべき車椅子使用者用便房を別の階に設ける階
　　（設置階：　階、別の階に設けた数：　）
□　男子用（女子用）の不特定多数利用便所・車椅子使用者用便房のみ設ける階</t>
    <rPh sb="2" eb="4">
      <t>トウガイ</t>
    </rPh>
    <rPh sb="3" eb="4">
      <t>カイ</t>
    </rPh>
    <rPh sb="5" eb="6">
      <t>モウ</t>
    </rPh>
    <rPh sb="10" eb="13">
      <t>クルマイス</t>
    </rPh>
    <rPh sb="13" eb="15">
      <t>シヨウ</t>
    </rPh>
    <rPh sb="15" eb="17">
      <t>シャヨウ</t>
    </rPh>
    <rPh sb="17" eb="18">
      <t>ベン</t>
    </rPh>
    <rPh sb="18" eb="19">
      <t>フサ</t>
    </rPh>
    <rPh sb="20" eb="21">
      <t>ベツ</t>
    </rPh>
    <rPh sb="22" eb="23">
      <t>カイ</t>
    </rPh>
    <rPh sb="24" eb="25">
      <t>モウ</t>
    </rPh>
    <rPh sb="27" eb="28">
      <t>カイ</t>
    </rPh>
    <phoneticPr fontId="9"/>
  </si>
  <si>
    <r>
      <rPr>
        <sz val="7"/>
        <color rgb="FFFF0000"/>
        <rFont val="Segoe UI Symbol"/>
        <family val="2"/>
      </rPr>
      <t>☑</t>
    </r>
    <r>
      <rPr>
        <sz val="7"/>
        <color rgb="FFFF0000"/>
        <rFont val="游ゴシック"/>
        <family val="2"/>
        <charset val="128"/>
      </rPr>
      <t>　</t>
    </r>
    <r>
      <rPr>
        <sz val="7"/>
        <color theme="1"/>
        <rFont val="游ゴシック"/>
        <family val="2"/>
        <charset val="128"/>
        <scheme val="minor"/>
      </rPr>
      <t xml:space="preserve">不特定多数の者等が利用する部分の床面積が著しく小さい階
</t>
    </r>
    <r>
      <rPr>
        <sz val="7"/>
        <color theme="1"/>
        <rFont val="Segoe UI Symbol"/>
        <family val="2"/>
      </rPr>
      <t>□</t>
    </r>
    <r>
      <rPr>
        <sz val="7"/>
        <color theme="1"/>
        <rFont val="游ゴシック"/>
        <family val="2"/>
        <charset val="128"/>
      </rPr>
      <t>　</t>
    </r>
    <r>
      <rPr>
        <sz val="7"/>
        <color theme="1"/>
        <rFont val="游ゴシック"/>
        <family val="2"/>
        <charset val="128"/>
        <scheme val="minor"/>
      </rPr>
      <t xml:space="preserve">不特定多数の者等が滞在する時間が短い階（　　　　　　）
</t>
    </r>
    <r>
      <rPr>
        <sz val="7"/>
        <color theme="1"/>
        <rFont val="Segoe UI Symbol"/>
        <family val="2"/>
      </rPr>
      <t>□</t>
    </r>
    <r>
      <rPr>
        <sz val="7"/>
        <color theme="1"/>
        <rFont val="游ゴシック"/>
        <family val="2"/>
        <charset val="128"/>
      </rPr>
      <t>　</t>
    </r>
    <r>
      <rPr>
        <sz val="7"/>
        <color theme="1"/>
        <rFont val="游ゴシック"/>
        <family val="2"/>
        <charset val="128"/>
        <scheme val="minor"/>
      </rPr>
      <t>その他管理運営上やむを得ない階（　　　　　　）</t>
    </r>
    <rPh sb="2" eb="5">
      <t>フトクテイ</t>
    </rPh>
    <rPh sb="5" eb="7">
      <t>タスウ</t>
    </rPh>
    <rPh sb="8" eb="9">
      <t>モノ</t>
    </rPh>
    <rPh sb="9" eb="10">
      <t>トウ</t>
    </rPh>
    <rPh sb="11" eb="13">
      <t>リヨウ</t>
    </rPh>
    <rPh sb="15" eb="17">
      <t>ブブン</t>
    </rPh>
    <rPh sb="18" eb="21">
      <t>ユカメンセキ</t>
    </rPh>
    <rPh sb="22" eb="23">
      <t>イチジル</t>
    </rPh>
    <rPh sb="25" eb="26">
      <t>チイ</t>
    </rPh>
    <rPh sb="28" eb="29">
      <t>カイ</t>
    </rPh>
    <rPh sb="32" eb="35">
      <t>フトクテイ</t>
    </rPh>
    <rPh sb="35" eb="37">
      <t>タスウ</t>
    </rPh>
    <rPh sb="38" eb="39">
      <t>モノ</t>
    </rPh>
    <rPh sb="39" eb="40">
      <t>トウ</t>
    </rPh>
    <rPh sb="41" eb="43">
      <t>タイザイ</t>
    </rPh>
    <rPh sb="45" eb="47">
      <t>ジカン</t>
    </rPh>
    <rPh sb="48" eb="49">
      <t>ミジカ</t>
    </rPh>
    <rPh sb="50" eb="51">
      <t>カイ</t>
    </rPh>
    <rPh sb="64" eb="65">
      <t>ホカ</t>
    </rPh>
    <rPh sb="65" eb="67">
      <t>カンリ</t>
    </rPh>
    <phoneticPr fontId="9"/>
  </si>
  <si>
    <t>４階</t>
    <rPh sb="1" eb="2">
      <t>カイ</t>
    </rPh>
    <phoneticPr fontId="9"/>
  </si>
  <si>
    <t>□　当該階に設けるべき車椅子使用者用便房を別の階に設ける階
　　（設置階：　階、別の階に設けた数：　）
□　男子用（女子用）の不特定多数利用便所・車椅子使用者用便房のみ設ける階</t>
    <phoneticPr fontId="9"/>
  </si>
  <si>
    <r>
      <t xml:space="preserve">□　不特定多数の者等が利用する部分の床面積が著しく小さい階（　　　　　　）
</t>
    </r>
    <r>
      <rPr>
        <sz val="7"/>
        <color rgb="FFFF0000"/>
        <rFont val="Segoe UI Symbol"/>
        <family val="2"/>
      </rPr>
      <t>☑</t>
    </r>
    <r>
      <rPr>
        <sz val="7"/>
        <color rgb="FFFF0000"/>
        <rFont val="游ゴシック"/>
        <family val="2"/>
        <charset val="128"/>
      </rPr>
      <t>　</t>
    </r>
    <r>
      <rPr>
        <sz val="7"/>
        <color theme="1"/>
        <rFont val="游ゴシック"/>
        <family val="2"/>
        <charset val="128"/>
        <scheme val="minor"/>
      </rPr>
      <t>不特定多数の者等が滞在する時間が短い階（</t>
    </r>
    <r>
      <rPr>
        <sz val="7"/>
        <color rgb="FFFF0000"/>
        <rFont val="游ゴシック"/>
        <family val="3"/>
        <charset val="128"/>
        <scheme val="minor"/>
      </rPr>
      <t>駐車場階　　</t>
    </r>
    <r>
      <rPr>
        <sz val="7"/>
        <color theme="1"/>
        <rFont val="游ゴシック"/>
        <family val="2"/>
        <charset val="128"/>
        <scheme val="minor"/>
      </rPr>
      <t>） 
□　その他管理運営上やむを得ない階（　　　　　　）</t>
    </r>
    <rPh sb="2" eb="5">
      <t>フトクテイ</t>
    </rPh>
    <rPh sb="5" eb="7">
      <t>タスウ</t>
    </rPh>
    <rPh sb="8" eb="9">
      <t>モノ</t>
    </rPh>
    <rPh sb="9" eb="10">
      <t>トウ</t>
    </rPh>
    <rPh sb="11" eb="13">
      <t>リヨウ</t>
    </rPh>
    <rPh sb="15" eb="17">
      <t>ブブン</t>
    </rPh>
    <rPh sb="18" eb="21">
      <t>ユカメンセキ</t>
    </rPh>
    <rPh sb="22" eb="23">
      <t>イチジル</t>
    </rPh>
    <rPh sb="25" eb="26">
      <t>チイ</t>
    </rPh>
    <rPh sb="28" eb="29">
      <t>カイ</t>
    </rPh>
    <rPh sb="40" eb="43">
      <t>フトクテイ</t>
    </rPh>
    <rPh sb="43" eb="45">
      <t>タスウ</t>
    </rPh>
    <rPh sb="46" eb="47">
      <t>モノ</t>
    </rPh>
    <rPh sb="47" eb="48">
      <t>トウ</t>
    </rPh>
    <rPh sb="49" eb="51">
      <t>タイザイ</t>
    </rPh>
    <rPh sb="53" eb="55">
      <t>ジカン</t>
    </rPh>
    <rPh sb="56" eb="57">
      <t>ミジカ</t>
    </rPh>
    <rPh sb="58" eb="59">
      <t>カイ</t>
    </rPh>
    <rPh sb="60" eb="63">
      <t>チュウシャジョウ</t>
    </rPh>
    <rPh sb="63" eb="64">
      <t>カイ</t>
    </rPh>
    <rPh sb="73" eb="74">
      <t>ホカ</t>
    </rPh>
    <rPh sb="74" eb="76">
      <t>カンリ</t>
    </rPh>
    <phoneticPr fontId="9"/>
  </si>
  <si>
    <t>５階</t>
    <rPh sb="1" eb="2">
      <t>カイ</t>
    </rPh>
    <phoneticPr fontId="9"/>
  </si>
  <si>
    <r>
      <t xml:space="preserve">備考
</t>
    </r>
    <r>
      <rPr>
        <sz val="7"/>
        <color rgb="FFFF0000"/>
        <rFont val="游ゴシック"/>
        <family val="3"/>
        <charset val="128"/>
        <scheme val="minor"/>
      </rPr>
      <t>赤字：記入例</t>
    </r>
    <rPh sb="0" eb="2">
      <t>ビコウ</t>
    </rPh>
    <rPh sb="3" eb="5">
      <t>アカジ</t>
    </rPh>
    <rPh sb="6" eb="9">
      <t>キニュウレイ</t>
    </rPh>
    <phoneticPr fontId="9"/>
  </si>
  <si>
    <t>車椅子使用者用便房の箇所数（男女）</t>
    <rPh sb="0" eb="3">
      <t>クルマイス</t>
    </rPh>
    <rPh sb="3" eb="5">
      <t>シヨウ</t>
    </rPh>
    <rPh sb="5" eb="7">
      <t>シャヨウ</t>
    </rPh>
    <rPh sb="7" eb="8">
      <t>ベン</t>
    </rPh>
    <rPh sb="8" eb="9">
      <t>フサ</t>
    </rPh>
    <rPh sb="10" eb="12">
      <t>カショ</t>
    </rPh>
    <rPh sb="12" eb="13">
      <t>スウ</t>
    </rPh>
    <rPh sb="14" eb="16">
      <t>ダンジョ</t>
    </rPh>
    <phoneticPr fontId="9"/>
  </si>
  <si>
    <t>不特定多数の者等が利用する便所の箇所数（男女）</t>
    <rPh sb="0" eb="3">
      <t>フトクテイ</t>
    </rPh>
    <rPh sb="3" eb="5">
      <t>タスウ</t>
    </rPh>
    <rPh sb="6" eb="7">
      <t>モノ</t>
    </rPh>
    <rPh sb="7" eb="8">
      <t>トウ</t>
    </rPh>
    <rPh sb="9" eb="11">
      <t>リヨウ</t>
    </rPh>
    <rPh sb="13" eb="15">
      <t>ベンジョ</t>
    </rPh>
    <rPh sb="16" eb="19">
      <t>カショスウ</t>
    </rPh>
    <rPh sb="20" eb="22">
      <t>ダンジョ</t>
    </rPh>
    <phoneticPr fontId="9"/>
  </si>
  <si>
    <t>階の種類</t>
    <rPh sb="0" eb="1">
      <t>カイ</t>
    </rPh>
    <rPh sb="2" eb="4">
      <t>シュルイ</t>
    </rPh>
    <phoneticPr fontId="9"/>
  </si>
  <si>
    <t>不特定多数の者等が利用する部分の床面積（㎡）</t>
    <rPh sb="0" eb="3">
      <t>フトクテイ</t>
    </rPh>
    <rPh sb="3" eb="5">
      <t>タスウ</t>
    </rPh>
    <rPh sb="6" eb="7">
      <t>モノ</t>
    </rPh>
    <rPh sb="7" eb="8">
      <t>トウ</t>
    </rPh>
    <rPh sb="9" eb="11">
      <t>リヨウ</t>
    </rPh>
    <rPh sb="13" eb="15">
      <t>ブブン</t>
    </rPh>
    <rPh sb="16" eb="19">
      <t>ユカメンセキ</t>
    </rPh>
    <phoneticPr fontId="9"/>
  </si>
  <si>
    <t>階全体の床面積（㎡）</t>
    <rPh sb="0" eb="1">
      <t>カイ</t>
    </rPh>
    <rPh sb="1" eb="3">
      <t>ゼンタイ</t>
    </rPh>
    <rPh sb="4" eb="7">
      <t>ユカメンセキ</t>
    </rPh>
    <phoneticPr fontId="9"/>
  </si>
  <si>
    <t>階</t>
    <rPh sb="0" eb="1">
      <t>カイ</t>
    </rPh>
    <phoneticPr fontId="9"/>
  </si>
  <si>
    <t>・政令第14条に基づき設置する「不特定多数の者等が利用する便所」及び「車椅子使用者用便房」の箇所数を確認するものとして、確認申請図書に添付するチェックリストの参考様式を示す。
・地方公共団体の条例により、基準適合義務対象の規模を引き下げている場合があるため、留意する必要がある。
・なお、本記入例は参考であり、具体の基準を示すものではない。</t>
    <rPh sb="1" eb="3">
      <t>セイレイ</t>
    </rPh>
    <rPh sb="3" eb="4">
      <t>ダイ</t>
    </rPh>
    <rPh sb="6" eb="7">
      <t>ジョウ</t>
    </rPh>
    <rPh sb="8" eb="9">
      <t>モト</t>
    </rPh>
    <rPh sb="11" eb="13">
      <t>セッチ</t>
    </rPh>
    <rPh sb="46" eb="48">
      <t>カショ</t>
    </rPh>
    <rPh sb="50" eb="52">
      <t>カクニン</t>
    </rPh>
    <rPh sb="60" eb="62">
      <t>カクニン</t>
    </rPh>
    <rPh sb="62" eb="66">
      <t>シンセイトショ</t>
    </rPh>
    <rPh sb="67" eb="69">
      <t>テンプ</t>
    </rPh>
    <rPh sb="79" eb="81">
      <t>サンコウ</t>
    </rPh>
    <rPh sb="81" eb="83">
      <t>ヨウシキ</t>
    </rPh>
    <rPh sb="84" eb="85">
      <t>シメ</t>
    </rPh>
    <rPh sb="89" eb="91">
      <t>チホウ</t>
    </rPh>
    <rPh sb="91" eb="93">
      <t>コウキョウ</t>
    </rPh>
    <rPh sb="93" eb="95">
      <t>ダンタイ</t>
    </rPh>
    <rPh sb="96" eb="98">
      <t>ジョウレイ</t>
    </rPh>
    <rPh sb="102" eb="106">
      <t>キジュンテキゴウ</t>
    </rPh>
    <rPh sb="106" eb="108">
      <t>ギム</t>
    </rPh>
    <rPh sb="108" eb="110">
      <t>タイショウ</t>
    </rPh>
    <rPh sb="111" eb="113">
      <t>キボ</t>
    </rPh>
    <rPh sb="114" eb="115">
      <t>ヒ</t>
    </rPh>
    <rPh sb="116" eb="117">
      <t>サ</t>
    </rPh>
    <rPh sb="121" eb="123">
      <t>バアイ</t>
    </rPh>
    <rPh sb="129" eb="131">
      <t>リュウイ</t>
    </rPh>
    <rPh sb="133" eb="135">
      <t>ヒツヨウ</t>
    </rPh>
    <rPh sb="144" eb="148">
      <t>ホンキニュウレイ</t>
    </rPh>
    <rPh sb="149" eb="151">
      <t>サンコウ</t>
    </rPh>
    <rPh sb="155" eb="157">
      <t>グタイ</t>
    </rPh>
    <rPh sb="158" eb="160">
      <t>キジュン</t>
    </rPh>
    <rPh sb="161" eb="162">
      <t>シメ</t>
    </rPh>
    <phoneticPr fontId="9"/>
  </si>
  <si>
    <t>参考Ⅲ　政令第14条チェックリスト・参考様式（便所）</t>
    <rPh sb="0" eb="2">
      <t>サンコウ</t>
    </rPh>
    <rPh sb="4" eb="6">
      <t>セイレイ</t>
    </rPh>
    <rPh sb="6" eb="7">
      <t>ダイ</t>
    </rPh>
    <rPh sb="9" eb="10">
      <t>ジョウ</t>
    </rPh>
    <rPh sb="18" eb="20">
      <t>サンコウ</t>
    </rPh>
    <rPh sb="20" eb="22">
      <t>ヨウシキ</t>
    </rPh>
    <rPh sb="23" eb="25">
      <t>ベンジョ</t>
    </rPh>
    <phoneticPr fontId="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4" x14ac:knownFonts="1">
    <font>
      <sz val="12"/>
      <color theme="1"/>
      <name val="ＭＳ 明朝"/>
      <family val="2"/>
      <charset val="128"/>
    </font>
    <font>
      <sz val="6"/>
      <name val="ＭＳ 明朝"/>
      <family val="2"/>
      <charset val="128"/>
    </font>
    <font>
      <sz val="12"/>
      <name val="ＭＳ Ｐゴシック"/>
      <family val="3"/>
      <charset val="128"/>
    </font>
    <font>
      <sz val="9"/>
      <name val="ＭＳ Ｐゴシック"/>
      <family val="3"/>
      <charset val="128"/>
    </font>
    <font>
      <u/>
      <sz val="9"/>
      <name val="ＭＳ Ｐゴシック"/>
      <family val="3"/>
      <charset val="128"/>
    </font>
    <font>
      <vertAlign val="superscript"/>
      <sz val="9"/>
      <name val="ＭＳ Ｐゴシック"/>
      <family val="3"/>
      <charset val="128"/>
    </font>
    <font>
      <sz val="11"/>
      <color theme="1"/>
      <name val="游ゴシック"/>
      <family val="2"/>
      <charset val="128"/>
      <scheme val="minor"/>
    </font>
    <font>
      <sz val="7"/>
      <color theme="1"/>
      <name val="游ゴシック"/>
      <family val="2"/>
      <charset val="128"/>
      <scheme val="minor"/>
    </font>
    <font>
      <sz val="7"/>
      <color theme="1"/>
      <name val="游ゴシック"/>
      <family val="3"/>
      <charset val="128"/>
      <scheme val="minor"/>
    </font>
    <font>
      <sz val="6"/>
      <name val="游ゴシック"/>
      <family val="2"/>
      <charset val="128"/>
      <scheme val="minor"/>
    </font>
    <font>
      <sz val="7"/>
      <color rgb="FFFF0000"/>
      <name val="游ゴシック"/>
      <family val="2"/>
      <charset val="128"/>
      <scheme val="minor"/>
    </font>
    <font>
      <sz val="7"/>
      <name val="游ゴシック"/>
      <family val="3"/>
      <charset val="128"/>
      <scheme val="minor"/>
    </font>
    <font>
      <sz val="7"/>
      <name val="游ゴシック"/>
      <family val="2"/>
      <charset val="128"/>
      <scheme val="minor"/>
    </font>
    <font>
      <sz val="7"/>
      <color rgb="FFFF0000"/>
      <name val="Segoe UI Symbol"/>
      <family val="2"/>
    </font>
    <font>
      <sz val="7"/>
      <color rgb="FFFF0000"/>
      <name val="游ゴシック"/>
      <family val="3"/>
      <charset val="128"/>
      <scheme val="minor"/>
    </font>
    <font>
      <sz val="7"/>
      <name val="Segoe UI Symbol"/>
      <family val="3"/>
    </font>
    <font>
      <sz val="7"/>
      <color rgb="FFFF0000"/>
      <name val="游ゴシック"/>
      <family val="2"/>
      <charset val="128"/>
    </font>
    <font>
      <sz val="7"/>
      <color theme="1"/>
      <name val="Segoe UI Symbol"/>
      <family val="2"/>
    </font>
    <font>
      <sz val="7"/>
      <color theme="1"/>
      <name val="游ゴシック"/>
      <family val="2"/>
      <charset val="128"/>
    </font>
    <font>
      <b/>
      <sz val="8"/>
      <name val="ＭＳ 明朝"/>
      <family val="1"/>
      <charset val="128"/>
    </font>
    <font>
      <sz val="8"/>
      <name val="ＭＳ 明朝"/>
      <family val="1"/>
      <charset val="128"/>
    </font>
    <font>
      <b/>
      <sz val="7"/>
      <name val="游ゴシック"/>
      <family val="3"/>
      <charset val="128"/>
      <scheme val="minor"/>
    </font>
    <font>
      <b/>
      <sz val="10"/>
      <name val="游ゴシック"/>
      <family val="3"/>
      <charset val="128"/>
      <scheme val="minor"/>
    </font>
    <font>
      <b/>
      <sz val="7"/>
      <color theme="1"/>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4.9989318521683403E-2"/>
        <bgColor indexed="64"/>
      </patternFill>
    </fill>
  </fills>
  <borders count="40">
    <border>
      <left/>
      <right/>
      <top/>
      <bottom/>
      <diagonal/>
    </border>
    <border>
      <left style="thin">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thin">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style="thin">
        <color auto="1"/>
      </top>
      <bottom style="thin">
        <color auto="1"/>
      </bottom>
      <diagonal/>
    </border>
    <border>
      <left style="hair">
        <color auto="1"/>
      </left>
      <right style="hair">
        <color auto="1"/>
      </right>
      <top style="thin">
        <color auto="1"/>
      </top>
      <bottom style="thin">
        <color auto="1"/>
      </bottom>
      <diagonal/>
    </border>
    <border>
      <left style="hair">
        <color auto="1"/>
      </left>
      <right style="thin">
        <color auto="1"/>
      </right>
      <top style="thin">
        <color auto="1"/>
      </top>
      <bottom style="thin">
        <color auto="1"/>
      </bottom>
      <diagonal/>
    </border>
    <border>
      <left style="hair">
        <color auto="1"/>
      </left>
      <right/>
      <top style="hair">
        <color auto="1"/>
      </top>
      <bottom style="hair">
        <color auto="1"/>
      </bottom>
      <diagonal/>
    </border>
    <border>
      <left/>
      <right/>
      <top style="hair">
        <color auto="1"/>
      </top>
      <bottom style="hair">
        <color auto="1"/>
      </bottom>
      <diagonal/>
    </border>
    <border>
      <left/>
      <right style="hair">
        <color auto="1"/>
      </right>
      <top style="hair">
        <color auto="1"/>
      </top>
      <bottom style="hair">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
      <left style="hair">
        <color auto="1"/>
      </left>
      <right/>
      <top style="thin">
        <color auto="1"/>
      </top>
      <bottom style="hair">
        <color auto="1"/>
      </bottom>
      <diagonal/>
    </border>
    <border>
      <left/>
      <right/>
      <top style="thin">
        <color auto="1"/>
      </top>
      <bottom style="hair">
        <color auto="1"/>
      </bottom>
      <diagonal/>
    </border>
    <border>
      <left/>
      <right style="hair">
        <color auto="1"/>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style="hair">
        <color auto="1"/>
      </right>
      <top style="hair">
        <color auto="1"/>
      </top>
      <bottom style="hair">
        <color auto="1"/>
      </bottom>
      <diagonal/>
    </border>
    <border>
      <left style="hair">
        <color auto="1"/>
      </left>
      <right style="hair">
        <color auto="1"/>
      </right>
      <top style="hair">
        <color auto="1"/>
      </top>
      <bottom style="thin">
        <color auto="1"/>
      </bottom>
      <diagonal/>
    </border>
    <border>
      <left style="hair">
        <color auto="1"/>
      </left>
      <right style="hair">
        <color auto="1"/>
      </right>
      <top/>
      <bottom style="hair">
        <color auto="1"/>
      </bottom>
      <diagonal/>
    </border>
    <border>
      <left style="hair">
        <color auto="1"/>
      </left>
      <right style="hair">
        <color auto="1"/>
      </right>
      <top style="hair">
        <color auto="1"/>
      </top>
      <bottom/>
      <diagonal/>
    </border>
    <border>
      <left style="hair">
        <color auto="1"/>
      </left>
      <right style="hair">
        <color auto="1"/>
      </right>
      <top/>
      <bottom/>
      <diagonal/>
    </border>
    <border>
      <left style="hair">
        <color auto="1"/>
      </left>
      <right style="hair">
        <color auto="1"/>
      </right>
      <top/>
      <bottom style="thin">
        <color auto="1"/>
      </bottom>
      <diagonal/>
    </border>
    <border>
      <left style="thin">
        <color auto="1"/>
      </left>
      <right style="hair">
        <color auto="1"/>
      </right>
      <top style="hair">
        <color auto="1"/>
      </top>
      <bottom/>
      <diagonal/>
    </border>
    <border>
      <left style="thin">
        <color auto="1"/>
      </left>
      <right style="hair">
        <color auto="1"/>
      </right>
      <top/>
      <bottom style="hair">
        <color auto="1"/>
      </bottom>
      <diagonal/>
    </border>
    <border>
      <left style="thin">
        <color auto="1"/>
      </left>
      <right style="hair">
        <color auto="1"/>
      </right>
      <top/>
      <bottom/>
      <diagonal/>
    </border>
    <border>
      <left style="thin">
        <color auto="1"/>
      </left>
      <right style="hair">
        <color auto="1"/>
      </right>
      <top/>
      <bottom style="thin">
        <color auto="1"/>
      </bottom>
      <diagonal/>
    </border>
    <border>
      <left style="thin">
        <color auto="1"/>
      </left>
      <right style="hair">
        <color auto="1"/>
      </right>
      <top style="thin">
        <color auto="1"/>
      </top>
      <bottom/>
      <diagonal/>
    </border>
    <border>
      <left style="hair">
        <color auto="1"/>
      </left>
      <right style="hair">
        <color auto="1"/>
      </right>
      <top style="thin">
        <color auto="1"/>
      </top>
      <bottom/>
      <diagonal/>
    </border>
    <border>
      <left style="hair">
        <color auto="1"/>
      </left>
      <right style="thin">
        <color auto="1"/>
      </right>
      <top/>
      <bottom style="hair">
        <color auto="1"/>
      </bottom>
      <diagonal/>
    </border>
    <border>
      <left style="hair">
        <color auto="1"/>
      </left>
      <right/>
      <top style="hair">
        <color auto="1"/>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bottom style="thin">
        <color indexed="64"/>
      </bottom>
      <diagonal/>
    </border>
  </borders>
  <cellStyleXfs count="2">
    <xf numFmtId="0" fontId="0" fillId="0" borderId="0">
      <alignment vertical="center"/>
    </xf>
    <xf numFmtId="0" fontId="6" fillId="0" borderId="0">
      <alignment vertical="center"/>
    </xf>
  </cellStyleXfs>
  <cellXfs count="103">
    <xf numFmtId="0" fontId="0" fillId="0" borderId="0" xfId="0">
      <alignment vertical="center"/>
    </xf>
    <xf numFmtId="0" fontId="2" fillId="0" borderId="0" xfId="0" applyFont="1" applyAlignment="1">
      <alignment horizontal="center" vertical="center"/>
    </xf>
    <xf numFmtId="0" fontId="3" fillId="0" borderId="0" xfId="0" applyFont="1">
      <alignment vertical="center"/>
    </xf>
    <xf numFmtId="0" fontId="2" fillId="0" borderId="0" xfId="0" applyFont="1" applyAlignment="1">
      <alignment horizontal="center" vertical="center"/>
    </xf>
    <xf numFmtId="0" fontId="3" fillId="0" borderId="0" xfId="0" applyFont="1" applyAlignment="1">
      <alignment horizontal="right" vertical="center"/>
    </xf>
    <xf numFmtId="0" fontId="3" fillId="0" borderId="0" xfId="0" applyFont="1" applyAlignment="1">
      <alignment vertical="center"/>
    </xf>
    <xf numFmtId="0" fontId="3" fillId="0" borderId="0" xfId="0" applyFont="1" applyAlignment="1">
      <alignment horizontal="center" vertical="center"/>
    </xf>
    <xf numFmtId="0" fontId="3" fillId="0" borderId="0" xfId="0" applyFont="1" applyAlignment="1">
      <alignment horizontal="left" vertical="center"/>
    </xf>
    <xf numFmtId="0" fontId="3" fillId="3" borderId="7" xfId="0" applyFont="1" applyFill="1" applyBorder="1" applyAlignment="1">
      <alignment horizontal="center" vertical="center"/>
    </xf>
    <xf numFmtId="0" fontId="3" fillId="3" borderId="8" xfId="0" applyFont="1" applyFill="1" applyBorder="1" applyAlignment="1">
      <alignment horizontal="center" vertical="center"/>
    </xf>
    <xf numFmtId="0" fontId="3" fillId="3" borderId="9" xfId="0" applyFont="1" applyFill="1" applyBorder="1" applyAlignment="1">
      <alignment horizontal="center" vertical="center"/>
    </xf>
    <xf numFmtId="0" fontId="3" fillId="0" borderId="1" xfId="0" applyFont="1" applyBorder="1" applyAlignment="1">
      <alignment horizontal="center" vertical="center" wrapText="1"/>
    </xf>
    <xf numFmtId="0" fontId="3" fillId="0" borderId="16" xfId="0" applyFont="1" applyBorder="1" applyAlignment="1">
      <alignment horizontal="left" vertical="center" wrapText="1"/>
    </xf>
    <xf numFmtId="0" fontId="3" fillId="0" borderId="17" xfId="0" applyFont="1" applyBorder="1" applyAlignment="1">
      <alignment horizontal="left" vertical="center" wrapText="1"/>
    </xf>
    <xf numFmtId="0" fontId="3" fillId="0" borderId="18" xfId="0" applyFont="1" applyBorder="1" applyAlignment="1">
      <alignment horizontal="left" vertical="center" wrapText="1"/>
    </xf>
    <xf numFmtId="0" fontId="3" fillId="0" borderId="2" xfId="0" applyFont="1" applyBorder="1" applyAlignment="1">
      <alignment horizontal="center" vertical="center"/>
    </xf>
    <xf numFmtId="0" fontId="3" fillId="0" borderId="3" xfId="0" applyFont="1" applyBorder="1" applyAlignment="1">
      <alignment horizontal="center" vertical="center" wrapText="1"/>
    </xf>
    <xf numFmtId="0" fontId="3" fillId="0" borderId="10" xfId="0" applyFont="1" applyBorder="1" applyAlignment="1">
      <alignment horizontal="left" vertical="center" wrapText="1"/>
    </xf>
    <xf numFmtId="0" fontId="3" fillId="0" borderId="11" xfId="0" applyFont="1" applyBorder="1" applyAlignment="1">
      <alignment horizontal="left" vertical="center" wrapText="1"/>
    </xf>
    <xf numFmtId="0" fontId="3" fillId="0" borderId="12" xfId="0" applyFont="1" applyBorder="1" applyAlignment="1">
      <alignment horizontal="left" vertical="center" wrapText="1"/>
    </xf>
    <xf numFmtId="0" fontId="3" fillId="0" borderId="4" xfId="0" applyFont="1" applyBorder="1" applyAlignment="1">
      <alignment horizontal="center" vertical="center"/>
    </xf>
    <xf numFmtId="0" fontId="3" fillId="0" borderId="10" xfId="0" applyFont="1" applyBorder="1" applyAlignment="1">
      <alignment horizontal="left" vertical="center"/>
    </xf>
    <xf numFmtId="0" fontId="3" fillId="0" borderId="11" xfId="0" applyFont="1" applyBorder="1" applyAlignment="1">
      <alignment horizontal="left" vertical="center"/>
    </xf>
    <xf numFmtId="0" fontId="3" fillId="0" borderId="12" xfId="0" applyFont="1" applyBorder="1" applyAlignment="1">
      <alignment horizontal="left" vertical="center"/>
    </xf>
    <xf numFmtId="0" fontId="3" fillId="0" borderId="3" xfId="0" applyFont="1" applyBorder="1" applyAlignment="1">
      <alignment horizontal="center" vertical="center"/>
    </xf>
    <xf numFmtId="0" fontId="3" fillId="0" borderId="5" xfId="0" applyFont="1" applyBorder="1" applyAlignment="1">
      <alignment horizontal="center" vertical="center"/>
    </xf>
    <xf numFmtId="0" fontId="3" fillId="0" borderId="13" xfId="0" applyFont="1" applyBorder="1" applyAlignment="1">
      <alignment horizontal="left" vertical="center" wrapText="1"/>
    </xf>
    <xf numFmtId="0" fontId="3" fillId="0" borderId="14" xfId="0" applyFont="1" applyBorder="1" applyAlignment="1">
      <alignment horizontal="left" vertical="center" wrapText="1"/>
    </xf>
    <xf numFmtId="0" fontId="3" fillId="0" borderId="15" xfId="0" applyFont="1" applyBorder="1" applyAlignment="1">
      <alignment horizontal="left" vertical="center" wrapText="1"/>
    </xf>
    <xf numFmtId="0" fontId="3" fillId="0" borderId="6" xfId="0" applyFont="1" applyBorder="1" applyAlignment="1">
      <alignment horizontal="center" vertical="center"/>
    </xf>
    <xf numFmtId="0" fontId="3" fillId="0" borderId="0" xfId="0" applyFont="1" applyBorder="1" applyAlignment="1">
      <alignment horizontal="center" vertical="center"/>
    </xf>
    <xf numFmtId="0" fontId="3" fillId="0" borderId="0" xfId="0" applyFont="1" applyBorder="1" applyAlignment="1">
      <alignment horizontal="left" vertical="center" wrapText="1"/>
    </xf>
    <xf numFmtId="0" fontId="3" fillId="0" borderId="0" xfId="0" applyFont="1" applyBorder="1" applyAlignment="1">
      <alignment horizontal="left" vertical="center" wrapText="1"/>
    </xf>
    <xf numFmtId="0" fontId="3" fillId="0" borderId="19" xfId="0" applyFont="1" applyBorder="1" applyAlignment="1">
      <alignment horizontal="left" vertical="center" wrapText="1"/>
    </xf>
    <xf numFmtId="0" fontId="3" fillId="0" borderId="19" xfId="0" applyFont="1" applyBorder="1" applyAlignment="1">
      <alignment horizontal="left" vertical="center"/>
    </xf>
    <xf numFmtId="0" fontId="3" fillId="0" borderId="27" xfId="0" applyFont="1" applyBorder="1" applyAlignment="1">
      <alignment horizontal="center" vertical="center" wrapText="1"/>
    </xf>
    <xf numFmtId="0" fontId="3" fillId="0" borderId="33" xfId="0" applyFont="1" applyBorder="1" applyAlignment="1">
      <alignment horizontal="left" vertical="center" wrapText="1"/>
    </xf>
    <xf numFmtId="0" fontId="3" fillId="0" borderId="32" xfId="0" applyFont="1" applyBorder="1" applyAlignment="1">
      <alignment horizontal="center" vertical="center"/>
    </xf>
    <xf numFmtId="0" fontId="3" fillId="0" borderId="24" xfId="0" applyFont="1" applyBorder="1" applyAlignment="1">
      <alignment horizontal="left" vertical="center" wrapText="1"/>
    </xf>
    <xf numFmtId="0" fontId="3" fillId="0" borderId="22" xfId="0" applyFont="1" applyBorder="1" applyAlignment="1">
      <alignment vertical="center" wrapText="1"/>
    </xf>
    <xf numFmtId="0" fontId="3" fillId="0" borderId="23" xfId="0" applyFont="1" applyBorder="1" applyAlignment="1">
      <alignment horizontal="left" vertical="center"/>
    </xf>
    <xf numFmtId="0" fontId="3" fillId="0" borderId="20" xfId="0" applyFont="1" applyBorder="1" applyAlignment="1">
      <alignment horizontal="left" vertical="center"/>
    </xf>
    <xf numFmtId="0" fontId="3" fillId="0" borderId="24" xfId="0" applyFont="1" applyBorder="1" applyAlignment="1">
      <alignment vertical="center"/>
    </xf>
    <xf numFmtId="0" fontId="3" fillId="0" borderId="22" xfId="0" applyFont="1" applyBorder="1" applyAlignment="1">
      <alignment vertical="center"/>
    </xf>
    <xf numFmtId="0" fontId="3" fillId="0" borderId="20" xfId="0" applyFont="1" applyBorder="1" applyAlignment="1">
      <alignment horizontal="left" vertical="center" wrapText="1"/>
    </xf>
    <xf numFmtId="0" fontId="3" fillId="0" borderId="23" xfId="0" applyFont="1" applyBorder="1" applyAlignment="1">
      <alignment horizontal="left" vertical="center" wrapText="1"/>
    </xf>
    <xf numFmtId="0" fontId="3" fillId="0" borderId="22" xfId="0" applyFont="1" applyBorder="1" applyAlignment="1">
      <alignment horizontal="left" vertical="center" wrapText="1"/>
    </xf>
    <xf numFmtId="0" fontId="3" fillId="0" borderId="24" xfId="0" applyFont="1" applyBorder="1" applyAlignment="1">
      <alignment vertical="center" wrapText="1"/>
    </xf>
    <xf numFmtId="0" fontId="3" fillId="0" borderId="20" xfId="0" applyFont="1" applyBorder="1" applyAlignment="1">
      <alignment vertical="center" wrapText="1"/>
    </xf>
    <xf numFmtId="0" fontId="3" fillId="0" borderId="25" xfId="0" applyFont="1" applyBorder="1" applyAlignment="1">
      <alignment vertical="center" wrapText="1"/>
    </xf>
    <xf numFmtId="0" fontId="3" fillId="0" borderId="21" xfId="0" applyFont="1" applyBorder="1" applyAlignment="1">
      <alignment horizontal="left" vertical="center" wrapText="1"/>
    </xf>
    <xf numFmtId="0" fontId="3" fillId="0" borderId="0" xfId="0" applyFont="1" applyAlignment="1">
      <alignment horizontal="center" vertical="center" wrapText="1"/>
    </xf>
    <xf numFmtId="0" fontId="3" fillId="0" borderId="0" xfId="0" applyFont="1" applyAlignment="1">
      <alignment horizontal="left" vertical="center"/>
    </xf>
    <xf numFmtId="0" fontId="3" fillId="0" borderId="0" xfId="0" applyFont="1" applyAlignment="1">
      <alignment horizontal="left" vertical="center" wrapText="1"/>
    </xf>
    <xf numFmtId="0" fontId="3" fillId="0" borderId="0" xfId="0" applyFont="1" applyAlignment="1">
      <alignment horizontal="left" vertical="center" wrapText="1"/>
    </xf>
    <xf numFmtId="0" fontId="3" fillId="2" borderId="1" xfId="0" applyFont="1" applyFill="1" applyBorder="1" applyAlignment="1">
      <alignment horizontal="center" vertical="center" wrapText="1"/>
    </xf>
    <xf numFmtId="0" fontId="3" fillId="2" borderId="31" xfId="0" applyFont="1" applyFill="1" applyBorder="1" applyAlignment="1">
      <alignment horizontal="left" vertical="center"/>
    </xf>
    <xf numFmtId="0" fontId="3" fillId="2" borderId="19" xfId="0" applyFont="1" applyFill="1" applyBorder="1" applyAlignment="1">
      <alignment horizontal="left"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wrapText="1"/>
    </xf>
    <xf numFmtId="0" fontId="3" fillId="2" borderId="24" xfId="0" applyFont="1" applyFill="1" applyBorder="1" applyAlignment="1">
      <alignment horizontal="center" vertical="center"/>
    </xf>
    <xf numFmtId="0" fontId="3" fillId="2" borderId="20" xfId="0" applyFont="1" applyFill="1" applyBorder="1" applyAlignment="1">
      <alignment horizontal="left" vertical="center" wrapText="1"/>
    </xf>
    <xf numFmtId="0" fontId="3" fillId="2" borderId="20" xfId="0" applyFont="1" applyFill="1" applyBorder="1" applyAlignment="1">
      <alignment horizontal="left" vertical="center"/>
    </xf>
    <xf numFmtId="0" fontId="3" fillId="2" borderId="4" xfId="0" applyFont="1" applyFill="1" applyBorder="1" applyAlignment="1">
      <alignment horizontal="center" vertical="center"/>
    </xf>
    <xf numFmtId="0" fontId="3" fillId="2" borderId="22" xfId="0" applyFont="1" applyFill="1" applyBorder="1" applyAlignment="1">
      <alignment horizontal="center" vertical="center"/>
    </xf>
    <xf numFmtId="0" fontId="3" fillId="0" borderId="3" xfId="0" applyFont="1" applyBorder="1" applyAlignment="1">
      <alignment horizontal="center" vertical="center" wrapText="1"/>
    </xf>
    <xf numFmtId="0" fontId="3" fillId="0" borderId="26" xfId="0" applyFont="1" applyBorder="1" applyAlignment="1">
      <alignment horizontal="center" vertical="center" wrapText="1"/>
    </xf>
    <xf numFmtId="0" fontId="3" fillId="0" borderId="27" xfId="0" applyFont="1" applyBorder="1" applyAlignment="1">
      <alignment horizontal="center" vertical="center"/>
    </xf>
    <xf numFmtId="0" fontId="3" fillId="0" borderId="28" xfId="0" applyFont="1" applyBorder="1" applyAlignment="1">
      <alignment horizontal="center" vertical="center"/>
    </xf>
    <xf numFmtId="0" fontId="3" fillId="0" borderId="29" xfId="0" applyFont="1" applyBorder="1" applyAlignment="1">
      <alignment horizontal="center" vertical="center"/>
    </xf>
    <xf numFmtId="0" fontId="4" fillId="2" borderId="0" xfId="0" applyFont="1" applyFill="1" applyAlignment="1">
      <alignment horizontal="left" vertical="center"/>
    </xf>
    <xf numFmtId="0" fontId="4" fillId="2" borderId="0" xfId="0" applyFont="1" applyFill="1" applyAlignment="1">
      <alignment horizontal="left" vertical="center"/>
    </xf>
    <xf numFmtId="0" fontId="3" fillId="0" borderId="30" xfId="0" applyFont="1" applyBorder="1" applyAlignment="1">
      <alignment horizontal="center" vertical="center" wrapText="1"/>
    </xf>
    <xf numFmtId="0" fontId="3" fillId="0" borderId="2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0" xfId="0" applyFont="1" applyBorder="1" applyAlignment="1">
      <alignment horizontal="center" vertical="center" wrapText="1"/>
    </xf>
    <xf numFmtId="0" fontId="7" fillId="0" borderId="0" xfId="1" applyFont="1">
      <alignment vertical="center"/>
    </xf>
    <xf numFmtId="0" fontId="7" fillId="0" borderId="0" xfId="1" applyFont="1" applyAlignment="1">
      <alignment vertical="center" wrapText="1"/>
    </xf>
    <xf numFmtId="0" fontId="7" fillId="0" borderId="0" xfId="1" applyFont="1" applyAlignment="1">
      <alignment horizontal="center" vertical="center"/>
    </xf>
    <xf numFmtId="0" fontId="7" fillId="0" borderId="34" xfId="1" applyFont="1" applyBorder="1" applyAlignment="1">
      <alignment vertical="center" wrapText="1"/>
    </xf>
    <xf numFmtId="0" fontId="8" fillId="0" borderId="34" xfId="1" applyFont="1" applyBorder="1" applyAlignment="1">
      <alignment vertical="center" wrapText="1"/>
    </xf>
    <xf numFmtId="0" fontId="10" fillId="0" borderId="35" xfId="1" applyFont="1" applyBorder="1" applyAlignment="1">
      <alignment horizontal="right" vertical="center"/>
    </xf>
    <xf numFmtId="0" fontId="11" fillId="0" borderId="35" xfId="1" applyFont="1" applyBorder="1" applyAlignment="1">
      <alignment horizontal="left" vertical="center"/>
    </xf>
    <xf numFmtId="3" fontId="10" fillId="0" borderId="35" xfId="1" applyNumberFormat="1" applyFont="1" applyBorder="1" applyAlignment="1">
      <alignment horizontal="right" vertical="center"/>
    </xf>
    <xf numFmtId="0" fontId="8" fillId="0" borderId="35" xfId="1" applyFont="1" applyBorder="1" applyAlignment="1">
      <alignment horizontal="center" vertical="center"/>
    </xf>
    <xf numFmtId="0" fontId="10" fillId="0" borderId="36" xfId="1" applyFont="1" applyBorder="1" applyAlignment="1">
      <alignment horizontal="right" vertical="center"/>
    </xf>
    <xf numFmtId="0" fontId="12" fillId="0" borderId="36" xfId="1" applyFont="1" applyBorder="1" applyAlignment="1">
      <alignment horizontal="left" vertical="center" wrapText="1"/>
    </xf>
    <xf numFmtId="3" fontId="10" fillId="0" borderId="36" xfId="1" applyNumberFormat="1" applyFont="1" applyBorder="1" applyAlignment="1">
      <alignment horizontal="right" vertical="center"/>
    </xf>
    <xf numFmtId="0" fontId="8" fillId="0" borderId="36" xfId="1" applyFont="1" applyBorder="1" applyAlignment="1">
      <alignment horizontal="center" vertical="center"/>
    </xf>
    <xf numFmtId="0" fontId="11" fillId="0" borderId="36" xfId="1" applyFont="1" applyBorder="1" applyAlignment="1">
      <alignment horizontal="left" vertical="center" wrapText="1"/>
    </xf>
    <xf numFmtId="0" fontId="7" fillId="0" borderId="0" xfId="1" applyFont="1" applyAlignment="1">
      <alignment horizontal="center" vertical="center" wrapText="1"/>
    </xf>
    <xf numFmtId="0" fontId="8" fillId="0" borderId="37" xfId="1" applyFont="1" applyBorder="1" applyAlignment="1">
      <alignment horizontal="center" vertical="center" wrapText="1"/>
    </xf>
    <xf numFmtId="0" fontId="8" fillId="0" borderId="38" xfId="1" applyFont="1" applyBorder="1" applyAlignment="1">
      <alignment horizontal="center" vertical="center" wrapText="1"/>
    </xf>
    <xf numFmtId="0" fontId="11" fillId="0" borderId="34" xfId="1" applyFont="1" applyBorder="1" applyAlignment="1">
      <alignment horizontal="center" vertical="center" wrapText="1"/>
    </xf>
    <xf numFmtId="0" fontId="8" fillId="0" borderId="34" xfId="1" applyFont="1" applyBorder="1" applyAlignment="1">
      <alignment horizontal="center" vertical="center" wrapText="1"/>
    </xf>
    <xf numFmtId="0" fontId="7" fillId="0" borderId="34" xfId="1" applyFont="1" applyBorder="1" applyAlignment="1">
      <alignment horizontal="center" vertical="center" wrapText="1"/>
    </xf>
    <xf numFmtId="0" fontId="19" fillId="0" borderId="39" xfId="1" applyFont="1" applyBorder="1" applyAlignment="1">
      <alignment horizontal="left" vertical="center"/>
    </xf>
    <xf numFmtId="0" fontId="20" fillId="0" borderId="39" xfId="1" applyFont="1" applyBorder="1" applyAlignment="1">
      <alignment horizontal="left" vertical="center" wrapText="1"/>
    </xf>
    <xf numFmtId="0" fontId="21" fillId="0" borderId="0" xfId="1" applyFont="1">
      <alignment vertical="center"/>
    </xf>
    <xf numFmtId="0" fontId="21" fillId="0" borderId="0" xfId="1" applyFont="1" applyAlignment="1">
      <alignment vertical="center" wrapText="1"/>
    </xf>
    <xf numFmtId="0" fontId="22" fillId="0" borderId="0" xfId="1" applyFont="1">
      <alignment vertical="center"/>
    </xf>
    <xf numFmtId="0" fontId="12" fillId="0" borderId="0" xfId="1" applyFont="1">
      <alignment vertical="center"/>
    </xf>
    <xf numFmtId="0" fontId="23" fillId="0" borderId="0" xfId="1" applyFont="1" applyAlignment="1">
      <alignment horizontal="right"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8</xdr:col>
      <xdr:colOff>3399868</xdr:colOff>
      <xdr:row>1</xdr:row>
      <xdr:rowOff>34844</xdr:rowOff>
    </xdr:from>
    <xdr:to>
      <xdr:col>8</xdr:col>
      <xdr:colOff>3816570</xdr:colOff>
      <xdr:row>2</xdr:row>
      <xdr:rowOff>39414</xdr:rowOff>
    </xdr:to>
    <xdr:sp macro="" textlink="">
      <xdr:nvSpPr>
        <xdr:cNvPr id="2" name="テキスト ボックス 1"/>
        <xdr:cNvSpPr txBox="1"/>
      </xdr:nvSpPr>
      <xdr:spPr>
        <a:xfrm>
          <a:off x="5914468" y="215819"/>
          <a:ext cx="0" cy="18554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別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418"/>
  <sheetViews>
    <sheetView tabSelected="1" view="pageLayout" zoomScale="130" zoomScaleNormal="100" zoomScalePageLayoutView="130" workbookViewId="0">
      <selection activeCell="D201" sqref="D201"/>
    </sheetView>
  </sheetViews>
  <sheetFormatPr defaultRowHeight="11.25" x14ac:dyDescent="0.15"/>
  <cols>
    <col min="1" max="1" width="13" style="6" customWidth="1"/>
    <col min="2" max="2" width="2.125" style="6" customWidth="1"/>
    <col min="3" max="3" width="2.125" style="2" customWidth="1"/>
    <col min="4" max="4" width="65.625" style="2" customWidth="1"/>
    <col min="5" max="5" width="3.875" style="6" customWidth="1"/>
    <col min="6" max="16384" width="9" style="2"/>
  </cols>
  <sheetData>
    <row r="1" spans="1:5" ht="14.1" customHeight="1" x14ac:dyDescent="0.15">
      <c r="A1" s="1" t="s">
        <v>23</v>
      </c>
      <c r="B1" s="1"/>
      <c r="C1" s="1"/>
      <c r="D1" s="1"/>
      <c r="E1" s="1"/>
    </row>
    <row r="2" spans="1:5" ht="14.1" customHeight="1" x14ac:dyDescent="0.15">
      <c r="A2" s="3"/>
      <c r="B2" s="3"/>
      <c r="C2" s="3"/>
      <c r="D2" s="4" t="s">
        <v>26</v>
      </c>
      <c r="E2" s="3"/>
    </row>
    <row r="3" spans="1:5" ht="14.1" customHeight="1" x14ac:dyDescent="0.15">
      <c r="A3" s="5" t="s">
        <v>123</v>
      </c>
      <c r="B3" s="3"/>
      <c r="C3" s="3"/>
      <c r="D3" s="4"/>
      <c r="E3" s="3"/>
    </row>
    <row r="4" spans="1:5" ht="14.1" customHeight="1" x14ac:dyDescent="0.15">
      <c r="A4" s="2" t="s">
        <v>24</v>
      </c>
      <c r="B4" s="2"/>
      <c r="C4" s="5"/>
      <c r="D4" s="5"/>
    </row>
    <row r="5" spans="1:5" ht="14.1" customHeight="1" x14ac:dyDescent="0.15">
      <c r="A5" s="2" t="s">
        <v>25</v>
      </c>
      <c r="B5" s="2"/>
      <c r="C5" s="5"/>
      <c r="D5" s="5"/>
    </row>
    <row r="6" spans="1:5" ht="14.1" customHeight="1" x14ac:dyDescent="0.15">
      <c r="D6" s="7"/>
    </row>
    <row r="7" spans="1:5" ht="14.1" customHeight="1" x14ac:dyDescent="0.15">
      <c r="A7" s="7" t="s">
        <v>11</v>
      </c>
    </row>
    <row r="8" spans="1:5" ht="14.1" customHeight="1" x14ac:dyDescent="0.15">
      <c r="A8" s="8" t="s">
        <v>1</v>
      </c>
      <c r="B8" s="9" t="s">
        <v>0</v>
      </c>
      <c r="C8" s="9"/>
      <c r="D8" s="9"/>
      <c r="E8" s="10"/>
    </row>
    <row r="9" spans="1:5" ht="14.1" customHeight="1" x14ac:dyDescent="0.15">
      <c r="A9" s="11" t="s">
        <v>3</v>
      </c>
      <c r="B9" s="12" t="s">
        <v>2</v>
      </c>
      <c r="C9" s="13"/>
      <c r="D9" s="14"/>
      <c r="E9" s="15"/>
    </row>
    <row r="10" spans="1:5" ht="28.35" customHeight="1" x14ac:dyDescent="0.15">
      <c r="A10" s="16"/>
      <c r="B10" s="17" t="s">
        <v>137</v>
      </c>
      <c r="C10" s="18"/>
      <c r="D10" s="19"/>
      <c r="E10" s="20"/>
    </row>
    <row r="11" spans="1:5" ht="14.1" customHeight="1" x14ac:dyDescent="0.15">
      <c r="A11" s="16" t="s">
        <v>37</v>
      </c>
      <c r="B11" s="21" t="s">
        <v>4</v>
      </c>
      <c r="C11" s="22"/>
      <c r="D11" s="23"/>
      <c r="E11" s="20"/>
    </row>
    <row r="12" spans="1:5" ht="14.1" customHeight="1" x14ac:dyDescent="0.15">
      <c r="A12" s="24"/>
      <c r="B12" s="21" t="s">
        <v>5</v>
      </c>
      <c r="C12" s="22"/>
      <c r="D12" s="23"/>
      <c r="E12" s="20"/>
    </row>
    <row r="13" spans="1:5" ht="28.35" customHeight="1" x14ac:dyDescent="0.15">
      <c r="A13" s="24"/>
      <c r="B13" s="17" t="s">
        <v>6</v>
      </c>
      <c r="C13" s="18"/>
      <c r="D13" s="19"/>
      <c r="E13" s="20"/>
    </row>
    <row r="14" spans="1:5" ht="14.1" customHeight="1" x14ac:dyDescent="0.15">
      <c r="A14" s="24"/>
      <c r="B14" s="17" t="s">
        <v>8</v>
      </c>
      <c r="C14" s="18"/>
      <c r="D14" s="19"/>
      <c r="E14" s="20"/>
    </row>
    <row r="15" spans="1:5" ht="14.1" customHeight="1" x14ac:dyDescent="0.15">
      <c r="A15" s="24"/>
      <c r="B15" s="17" t="s">
        <v>138</v>
      </c>
      <c r="C15" s="18"/>
      <c r="D15" s="19"/>
      <c r="E15" s="20"/>
    </row>
    <row r="16" spans="1:5" ht="28.35" customHeight="1" x14ac:dyDescent="0.15">
      <c r="A16" s="24"/>
      <c r="B16" s="17" t="s">
        <v>139</v>
      </c>
      <c r="C16" s="18"/>
      <c r="D16" s="19"/>
      <c r="E16" s="20"/>
    </row>
    <row r="17" spans="1:5" ht="14.1" customHeight="1" x14ac:dyDescent="0.15">
      <c r="A17" s="16" t="s">
        <v>7</v>
      </c>
      <c r="B17" s="21" t="s">
        <v>9</v>
      </c>
      <c r="C17" s="22"/>
      <c r="D17" s="23"/>
      <c r="E17" s="20"/>
    </row>
    <row r="18" spans="1:5" ht="14.1" customHeight="1" x14ac:dyDescent="0.15">
      <c r="A18" s="24"/>
      <c r="B18" s="21" t="s">
        <v>5</v>
      </c>
      <c r="C18" s="22"/>
      <c r="D18" s="23"/>
      <c r="E18" s="20"/>
    </row>
    <row r="19" spans="1:5" ht="28.35" customHeight="1" x14ac:dyDescent="0.15">
      <c r="A19" s="24"/>
      <c r="B19" s="17" t="s">
        <v>10</v>
      </c>
      <c r="C19" s="18"/>
      <c r="D19" s="19"/>
      <c r="E19" s="20"/>
    </row>
    <row r="20" spans="1:5" ht="28.35" customHeight="1" x14ac:dyDescent="0.15">
      <c r="A20" s="25"/>
      <c r="B20" s="26" t="s">
        <v>140</v>
      </c>
      <c r="C20" s="27"/>
      <c r="D20" s="28"/>
      <c r="E20" s="29"/>
    </row>
    <row r="21" spans="1:5" ht="3.75" customHeight="1" x14ac:dyDescent="0.15">
      <c r="A21" s="30"/>
      <c r="B21" s="31"/>
      <c r="C21" s="31"/>
      <c r="D21" s="31"/>
      <c r="E21" s="30"/>
    </row>
    <row r="22" spans="1:5" ht="47.25" customHeight="1" x14ac:dyDescent="0.15">
      <c r="A22" s="32" t="s">
        <v>97</v>
      </c>
      <c r="B22" s="32"/>
      <c r="C22" s="32"/>
      <c r="D22" s="32"/>
      <c r="E22" s="32"/>
    </row>
    <row r="23" spans="1:5" ht="3" customHeight="1" x14ac:dyDescent="0.15">
      <c r="A23" s="30"/>
      <c r="B23" s="31"/>
      <c r="C23" s="31"/>
      <c r="D23" s="31"/>
      <c r="E23" s="30"/>
    </row>
    <row r="24" spans="1:5" ht="35.25" customHeight="1" x14ac:dyDescent="0.15">
      <c r="A24" s="32" t="s">
        <v>98</v>
      </c>
      <c r="B24" s="32"/>
      <c r="C24" s="32"/>
      <c r="D24" s="32"/>
      <c r="E24" s="32"/>
    </row>
    <row r="25" spans="1:5" ht="2.25" customHeight="1" x14ac:dyDescent="0.15">
      <c r="A25" s="30"/>
      <c r="B25" s="31"/>
      <c r="C25" s="31"/>
      <c r="D25" s="31"/>
      <c r="E25" s="30"/>
    </row>
    <row r="26" spans="1:5" ht="57" customHeight="1" x14ac:dyDescent="0.15">
      <c r="A26" s="32" t="s">
        <v>99</v>
      </c>
      <c r="B26" s="32"/>
      <c r="C26" s="32"/>
      <c r="D26" s="32"/>
      <c r="E26" s="32"/>
    </row>
    <row r="27" spans="1:5" ht="15" customHeight="1" x14ac:dyDescent="0.15">
      <c r="A27" s="30"/>
      <c r="B27" s="31"/>
      <c r="C27" s="31"/>
      <c r="D27" s="31"/>
      <c r="E27" s="30"/>
    </row>
    <row r="28" spans="1:5" ht="15" customHeight="1" x14ac:dyDescent="0.15">
      <c r="A28" s="30"/>
      <c r="B28" s="31"/>
      <c r="C28" s="31"/>
      <c r="D28" s="31"/>
      <c r="E28" s="30"/>
    </row>
    <row r="29" spans="1:5" ht="15" customHeight="1" x14ac:dyDescent="0.15">
      <c r="A29" s="30"/>
      <c r="B29" s="31"/>
      <c r="C29" s="31"/>
      <c r="D29" s="31"/>
      <c r="E29" s="30"/>
    </row>
    <row r="30" spans="1:5" ht="15" customHeight="1" x14ac:dyDescent="0.15">
      <c r="A30" s="30"/>
      <c r="B30" s="31"/>
      <c r="C30" s="31"/>
      <c r="D30" s="31"/>
      <c r="E30" s="30"/>
    </row>
    <row r="31" spans="1:5" ht="15" customHeight="1" x14ac:dyDescent="0.15">
      <c r="A31" s="30"/>
      <c r="B31" s="31"/>
      <c r="C31" s="31"/>
      <c r="D31" s="31"/>
      <c r="E31" s="30"/>
    </row>
    <row r="32" spans="1:5" ht="15" customHeight="1" x14ac:dyDescent="0.15">
      <c r="A32" s="30"/>
      <c r="B32" s="31"/>
      <c r="C32" s="31"/>
      <c r="D32" s="31"/>
      <c r="E32" s="30"/>
    </row>
    <row r="33" spans="1:5" ht="15" customHeight="1" x14ac:dyDescent="0.15">
      <c r="A33" s="30"/>
      <c r="B33" s="31"/>
      <c r="C33" s="31"/>
      <c r="D33" s="31"/>
      <c r="E33" s="30"/>
    </row>
    <row r="34" spans="1:5" ht="15" customHeight="1" x14ac:dyDescent="0.15">
      <c r="A34" s="30"/>
      <c r="B34" s="31"/>
      <c r="C34" s="31"/>
      <c r="D34" s="31"/>
      <c r="E34" s="30"/>
    </row>
    <row r="35" spans="1:5" ht="15" customHeight="1" x14ac:dyDescent="0.15">
      <c r="A35" s="30"/>
      <c r="B35" s="31"/>
      <c r="C35" s="31"/>
      <c r="D35" s="31"/>
      <c r="E35" s="30"/>
    </row>
    <row r="36" spans="1:5" ht="15" customHeight="1" x14ac:dyDescent="0.15">
      <c r="A36" s="30"/>
      <c r="B36" s="31"/>
      <c r="C36" s="31"/>
      <c r="D36" s="31"/>
      <c r="E36" s="30"/>
    </row>
    <row r="37" spans="1:5" ht="15" customHeight="1" x14ac:dyDescent="0.15">
      <c r="A37" s="30"/>
      <c r="B37" s="31"/>
      <c r="C37" s="31"/>
      <c r="D37" s="31"/>
      <c r="E37" s="30"/>
    </row>
    <row r="38" spans="1:5" ht="15" customHeight="1" x14ac:dyDescent="0.15">
      <c r="A38" s="30"/>
      <c r="B38" s="31"/>
      <c r="C38" s="31"/>
      <c r="D38" s="31"/>
      <c r="E38" s="30"/>
    </row>
    <row r="39" spans="1:5" ht="15" customHeight="1" x14ac:dyDescent="0.15">
      <c r="A39" s="30"/>
      <c r="B39" s="31"/>
      <c r="C39" s="31"/>
      <c r="D39" s="31"/>
      <c r="E39" s="30"/>
    </row>
    <row r="40" spans="1:5" ht="15" customHeight="1" x14ac:dyDescent="0.15">
      <c r="A40" s="30"/>
      <c r="B40" s="31"/>
      <c r="C40" s="31"/>
      <c r="D40" s="31"/>
      <c r="E40" s="30"/>
    </row>
    <row r="41" spans="1:5" ht="15" customHeight="1" x14ac:dyDescent="0.15">
      <c r="A41" s="30"/>
      <c r="B41" s="31"/>
      <c r="C41" s="31"/>
      <c r="D41" s="31"/>
      <c r="E41" s="30"/>
    </row>
    <row r="42" spans="1:5" ht="15" customHeight="1" x14ac:dyDescent="0.15">
      <c r="A42" s="30"/>
      <c r="B42" s="31"/>
      <c r="C42" s="31"/>
      <c r="D42" s="31"/>
      <c r="E42" s="30"/>
    </row>
    <row r="43" spans="1:5" ht="15" customHeight="1" x14ac:dyDescent="0.15">
      <c r="A43" s="30"/>
      <c r="B43" s="31"/>
      <c r="C43" s="31"/>
      <c r="D43" s="31"/>
      <c r="E43" s="30"/>
    </row>
    <row r="44" spans="1:5" ht="15" customHeight="1" x14ac:dyDescent="0.15">
      <c r="A44" s="30"/>
      <c r="B44" s="31"/>
      <c r="C44" s="31"/>
      <c r="D44" s="31"/>
      <c r="E44" s="30"/>
    </row>
    <row r="45" spans="1:5" ht="15" customHeight="1" x14ac:dyDescent="0.15">
      <c r="A45" s="30"/>
      <c r="B45" s="31"/>
      <c r="C45" s="31"/>
      <c r="D45" s="31"/>
      <c r="E45" s="30"/>
    </row>
    <row r="46" spans="1:5" ht="14.1" customHeight="1" x14ac:dyDescent="0.15">
      <c r="A46" s="7" t="s">
        <v>12</v>
      </c>
    </row>
    <row r="47" spans="1:5" ht="14.1" customHeight="1" x14ac:dyDescent="0.15">
      <c r="A47" s="8" t="s">
        <v>1</v>
      </c>
      <c r="B47" s="9" t="s">
        <v>0</v>
      </c>
      <c r="C47" s="9"/>
      <c r="D47" s="9"/>
      <c r="E47" s="10"/>
    </row>
    <row r="48" spans="1:5" ht="29.25" customHeight="1" x14ac:dyDescent="0.15">
      <c r="A48" s="11" t="s">
        <v>100</v>
      </c>
      <c r="B48" s="33" t="s">
        <v>141</v>
      </c>
      <c r="C48" s="34"/>
      <c r="D48" s="34"/>
      <c r="E48" s="15"/>
    </row>
    <row r="49" spans="1:5" ht="51" customHeight="1" x14ac:dyDescent="0.15">
      <c r="A49" s="35"/>
      <c r="B49" s="36" t="s">
        <v>142</v>
      </c>
      <c r="C49" s="18"/>
      <c r="D49" s="19"/>
      <c r="E49" s="37"/>
    </row>
    <row r="50" spans="1:5" ht="50.25" customHeight="1" x14ac:dyDescent="0.15">
      <c r="A50" s="35"/>
      <c r="B50" s="38"/>
      <c r="C50" s="17" t="s">
        <v>143</v>
      </c>
      <c r="D50" s="23"/>
      <c r="E50" s="37"/>
    </row>
    <row r="51" spans="1:5" ht="48.75" customHeight="1" x14ac:dyDescent="0.15">
      <c r="A51" s="24"/>
      <c r="B51" s="39" t="s">
        <v>135</v>
      </c>
      <c r="C51" s="17" t="s">
        <v>136</v>
      </c>
      <c r="D51" s="23"/>
      <c r="E51" s="20"/>
    </row>
    <row r="52" spans="1:5" ht="14.1" customHeight="1" x14ac:dyDescent="0.15">
      <c r="A52" s="24"/>
      <c r="B52" s="40" t="s">
        <v>13</v>
      </c>
      <c r="C52" s="41"/>
      <c r="D52" s="41"/>
      <c r="E52" s="20" t="s">
        <v>91</v>
      </c>
    </row>
    <row r="53" spans="1:5" ht="14.1" customHeight="1" x14ac:dyDescent="0.15">
      <c r="A53" s="24"/>
      <c r="B53" s="42"/>
      <c r="C53" s="41" t="s">
        <v>14</v>
      </c>
      <c r="D53" s="41"/>
      <c r="E53" s="20"/>
    </row>
    <row r="54" spans="1:5" ht="14.1" customHeight="1" x14ac:dyDescent="0.15">
      <c r="A54" s="24"/>
      <c r="B54" s="43"/>
      <c r="C54" s="41" t="s">
        <v>15</v>
      </c>
      <c r="D54" s="41"/>
      <c r="E54" s="20"/>
    </row>
    <row r="55" spans="1:5" ht="28.35" customHeight="1" x14ac:dyDescent="0.15">
      <c r="A55" s="24"/>
      <c r="B55" s="44" t="s">
        <v>144</v>
      </c>
      <c r="C55" s="44"/>
      <c r="D55" s="44"/>
      <c r="E55" s="20"/>
    </row>
    <row r="56" spans="1:5" ht="28.35" customHeight="1" x14ac:dyDescent="0.15">
      <c r="A56" s="24"/>
      <c r="B56" s="44" t="s">
        <v>16</v>
      </c>
      <c r="C56" s="44"/>
      <c r="D56" s="44"/>
      <c r="E56" s="20"/>
    </row>
    <row r="57" spans="1:5" ht="28.35" customHeight="1" x14ac:dyDescent="0.15">
      <c r="A57" s="16" t="s">
        <v>102</v>
      </c>
      <c r="B57" s="44" t="s">
        <v>105</v>
      </c>
      <c r="C57" s="44"/>
      <c r="D57" s="44"/>
      <c r="E57" s="20"/>
    </row>
    <row r="58" spans="1:5" ht="14.1" customHeight="1" x14ac:dyDescent="0.15">
      <c r="A58" s="24"/>
      <c r="B58" s="45" t="s">
        <v>17</v>
      </c>
      <c r="C58" s="44"/>
      <c r="D58" s="44"/>
      <c r="E58" s="20" t="s">
        <v>91</v>
      </c>
    </row>
    <row r="59" spans="1:5" ht="14.1" customHeight="1" x14ac:dyDescent="0.15">
      <c r="A59" s="24"/>
      <c r="B59" s="38"/>
      <c r="C59" s="44" t="s">
        <v>18</v>
      </c>
      <c r="D59" s="44"/>
      <c r="E59" s="20"/>
    </row>
    <row r="60" spans="1:5" ht="14.1" customHeight="1" x14ac:dyDescent="0.15">
      <c r="A60" s="24"/>
      <c r="B60" s="38"/>
      <c r="C60" s="44" t="s">
        <v>19</v>
      </c>
      <c r="D60" s="44"/>
      <c r="E60" s="20"/>
    </row>
    <row r="61" spans="1:5" ht="14.1" customHeight="1" x14ac:dyDescent="0.15">
      <c r="A61" s="24"/>
      <c r="B61" s="46"/>
      <c r="C61" s="44" t="s">
        <v>20</v>
      </c>
      <c r="D61" s="44"/>
      <c r="E61" s="20"/>
    </row>
    <row r="62" spans="1:5" ht="28.35" customHeight="1" x14ac:dyDescent="0.15">
      <c r="A62" s="16" t="s">
        <v>145</v>
      </c>
      <c r="B62" s="44" t="s">
        <v>21</v>
      </c>
      <c r="C62" s="44"/>
      <c r="D62" s="44"/>
      <c r="E62" s="20"/>
    </row>
    <row r="63" spans="1:5" ht="14.1" customHeight="1" x14ac:dyDescent="0.15">
      <c r="A63" s="24"/>
      <c r="B63" s="45" t="s">
        <v>22</v>
      </c>
      <c r="C63" s="44"/>
      <c r="D63" s="44"/>
      <c r="E63" s="20" t="s">
        <v>91</v>
      </c>
    </row>
    <row r="64" spans="1:5" ht="14.1" customHeight="1" x14ac:dyDescent="0.15">
      <c r="A64" s="24"/>
      <c r="B64" s="47"/>
      <c r="C64" s="45" t="s">
        <v>27</v>
      </c>
      <c r="D64" s="44"/>
      <c r="E64" s="20"/>
    </row>
    <row r="65" spans="1:5" ht="14.1" customHeight="1" x14ac:dyDescent="0.15">
      <c r="A65" s="24"/>
      <c r="B65" s="47"/>
      <c r="C65" s="47"/>
      <c r="D65" s="48" t="s">
        <v>28</v>
      </c>
      <c r="E65" s="20"/>
    </row>
    <row r="66" spans="1:5" ht="14.1" customHeight="1" x14ac:dyDescent="0.15">
      <c r="A66" s="24"/>
      <c r="B66" s="47"/>
      <c r="C66" s="39"/>
      <c r="D66" s="48" t="s">
        <v>29</v>
      </c>
      <c r="E66" s="20"/>
    </row>
    <row r="67" spans="1:5" ht="14.1" customHeight="1" x14ac:dyDescent="0.15">
      <c r="A67" s="24"/>
      <c r="B67" s="47"/>
      <c r="C67" s="44" t="s">
        <v>30</v>
      </c>
      <c r="D67" s="44"/>
      <c r="E67" s="20"/>
    </row>
    <row r="68" spans="1:5" ht="37.5" customHeight="1" x14ac:dyDescent="0.15">
      <c r="A68" s="24"/>
      <c r="B68" s="39"/>
      <c r="C68" s="44" t="s">
        <v>31</v>
      </c>
      <c r="D68" s="44"/>
      <c r="E68" s="20"/>
    </row>
    <row r="69" spans="1:5" ht="14.1" customHeight="1" x14ac:dyDescent="0.15">
      <c r="A69" s="24"/>
      <c r="B69" s="45" t="s">
        <v>32</v>
      </c>
      <c r="C69" s="44"/>
      <c r="D69" s="44"/>
      <c r="E69" s="20" t="s">
        <v>91</v>
      </c>
    </row>
    <row r="70" spans="1:5" ht="14.1" customHeight="1" x14ac:dyDescent="0.15">
      <c r="A70" s="24"/>
      <c r="B70" s="47"/>
      <c r="C70" s="44" t="s">
        <v>33</v>
      </c>
      <c r="D70" s="44"/>
      <c r="E70" s="20"/>
    </row>
    <row r="71" spans="1:5" ht="14.1" customHeight="1" x14ac:dyDescent="0.15">
      <c r="A71" s="24"/>
      <c r="B71" s="47"/>
      <c r="C71" s="44" t="s">
        <v>34</v>
      </c>
      <c r="D71" s="44"/>
      <c r="E71" s="20"/>
    </row>
    <row r="72" spans="1:5" ht="14.1" customHeight="1" x14ac:dyDescent="0.15">
      <c r="A72" s="24"/>
      <c r="B72" s="47"/>
      <c r="C72" s="44" t="s">
        <v>35</v>
      </c>
      <c r="D72" s="44"/>
      <c r="E72" s="20"/>
    </row>
    <row r="73" spans="1:5" ht="28.35" customHeight="1" x14ac:dyDescent="0.15">
      <c r="A73" s="25"/>
      <c r="B73" s="49"/>
      <c r="C73" s="50" t="s">
        <v>36</v>
      </c>
      <c r="D73" s="50"/>
      <c r="E73" s="29"/>
    </row>
    <row r="74" spans="1:5" ht="4.5" customHeight="1" x14ac:dyDescent="0.15">
      <c r="B74" s="51"/>
      <c r="C74" s="51"/>
      <c r="D74" s="51"/>
    </row>
    <row r="75" spans="1:5" ht="11.25" customHeight="1" x14ac:dyDescent="0.15">
      <c r="A75" s="52" t="s">
        <v>103</v>
      </c>
      <c r="B75" s="52"/>
      <c r="C75" s="52"/>
      <c r="D75" s="52"/>
    </row>
    <row r="76" spans="1:5" ht="11.25" customHeight="1" x14ac:dyDescent="0.15">
      <c r="A76" s="52" t="s">
        <v>101</v>
      </c>
      <c r="B76" s="52"/>
      <c r="C76" s="52"/>
      <c r="D76" s="52"/>
      <c r="E76" s="52"/>
    </row>
    <row r="77" spans="1:5" ht="11.25" customHeight="1" x14ac:dyDescent="0.15">
      <c r="A77" s="52" t="s">
        <v>125</v>
      </c>
      <c r="B77" s="52"/>
      <c r="C77" s="52"/>
      <c r="D77" s="52"/>
      <c r="E77" s="52"/>
    </row>
    <row r="78" spans="1:5" ht="11.25" customHeight="1" x14ac:dyDescent="0.15">
      <c r="A78" s="52" t="s">
        <v>124</v>
      </c>
      <c r="B78" s="52"/>
      <c r="C78" s="52"/>
      <c r="D78" s="52"/>
      <c r="E78" s="52"/>
    </row>
    <row r="79" spans="1:5" ht="3.75" customHeight="1" x14ac:dyDescent="0.15">
      <c r="A79" s="52"/>
      <c r="B79" s="52"/>
      <c r="C79" s="52"/>
      <c r="D79" s="52"/>
    </row>
    <row r="80" spans="1:5" ht="11.25" customHeight="1" x14ac:dyDescent="0.15">
      <c r="A80" s="52" t="s">
        <v>104</v>
      </c>
      <c r="B80" s="52"/>
      <c r="C80" s="52"/>
      <c r="D80" s="52"/>
      <c r="E80" s="52"/>
    </row>
    <row r="81" spans="1:5" ht="11.25" customHeight="1" x14ac:dyDescent="0.15">
      <c r="A81" s="52" t="s">
        <v>106</v>
      </c>
      <c r="B81" s="52"/>
      <c r="C81" s="52"/>
      <c r="D81" s="52"/>
      <c r="E81" s="52"/>
    </row>
    <row r="82" spans="1:5" ht="11.25" customHeight="1" x14ac:dyDescent="0.15">
      <c r="A82" s="52" t="s">
        <v>107</v>
      </c>
      <c r="B82" s="52"/>
      <c r="C82" s="52"/>
      <c r="D82" s="52"/>
      <c r="E82" s="52"/>
    </row>
    <row r="83" spans="1:5" ht="11.25" customHeight="1" x14ac:dyDescent="0.15">
      <c r="A83" s="52" t="s">
        <v>108</v>
      </c>
      <c r="B83" s="52"/>
      <c r="C83" s="52"/>
      <c r="D83" s="52"/>
      <c r="E83" s="52"/>
    </row>
    <row r="84" spans="1:5" ht="11.25" customHeight="1" x14ac:dyDescent="0.15">
      <c r="A84" s="52"/>
      <c r="B84" s="52"/>
      <c r="C84" s="52"/>
      <c r="D84" s="52"/>
      <c r="E84" s="52"/>
    </row>
    <row r="85" spans="1:5" ht="11.25" customHeight="1" x14ac:dyDescent="0.15">
      <c r="A85" s="52"/>
      <c r="B85" s="52"/>
      <c r="C85" s="52"/>
      <c r="D85" s="52"/>
      <c r="E85" s="52"/>
    </row>
    <row r="86" spans="1:5" ht="11.25" customHeight="1" x14ac:dyDescent="0.15">
      <c r="A86" s="7"/>
      <c r="B86" s="7"/>
      <c r="C86" s="7"/>
      <c r="D86" s="7"/>
      <c r="E86" s="7"/>
    </row>
    <row r="87" spans="1:5" ht="11.25" customHeight="1" x14ac:dyDescent="0.15">
      <c r="A87" s="7"/>
      <c r="B87" s="7"/>
      <c r="C87" s="7"/>
      <c r="D87" s="7"/>
      <c r="E87" s="7"/>
    </row>
    <row r="88" spans="1:5" ht="11.25" customHeight="1" x14ac:dyDescent="0.15">
      <c r="A88" s="7"/>
      <c r="B88" s="7"/>
      <c r="C88" s="7"/>
      <c r="D88" s="7"/>
      <c r="E88" s="7"/>
    </row>
    <row r="89" spans="1:5" ht="11.25" customHeight="1" x14ac:dyDescent="0.15">
      <c r="A89" s="7"/>
      <c r="B89" s="7"/>
      <c r="C89" s="7"/>
      <c r="D89" s="7"/>
      <c r="E89" s="7"/>
    </row>
    <row r="90" spans="1:5" ht="14.1" customHeight="1" x14ac:dyDescent="0.15">
      <c r="A90" s="52"/>
      <c r="B90" s="52"/>
      <c r="C90" s="52"/>
      <c r="D90" s="52"/>
      <c r="E90" s="52"/>
    </row>
    <row r="91" spans="1:5" ht="14.1" customHeight="1" x14ac:dyDescent="0.15">
      <c r="A91" s="5" t="s">
        <v>38</v>
      </c>
      <c r="B91" s="5"/>
      <c r="C91" s="5"/>
      <c r="D91" s="5"/>
    </row>
    <row r="92" spans="1:5" ht="14.1" customHeight="1" x14ac:dyDescent="0.15">
      <c r="A92" s="8" t="s">
        <v>1</v>
      </c>
      <c r="B92" s="9" t="s">
        <v>0</v>
      </c>
      <c r="C92" s="9"/>
      <c r="D92" s="9"/>
      <c r="E92" s="10"/>
    </row>
    <row r="93" spans="1:5" ht="14.1" customHeight="1" x14ac:dyDescent="0.15">
      <c r="A93" s="11" t="s">
        <v>146</v>
      </c>
      <c r="B93" s="33" t="s">
        <v>39</v>
      </c>
      <c r="C93" s="33"/>
      <c r="D93" s="33"/>
      <c r="E93" s="15"/>
    </row>
    <row r="94" spans="1:5" ht="14.1" customHeight="1" x14ac:dyDescent="0.15">
      <c r="A94" s="24"/>
      <c r="B94" s="45" t="s">
        <v>40</v>
      </c>
      <c r="C94" s="44"/>
      <c r="D94" s="44"/>
      <c r="E94" s="20" t="s">
        <v>91</v>
      </c>
    </row>
    <row r="95" spans="1:5" ht="14.1" customHeight="1" x14ac:dyDescent="0.15">
      <c r="A95" s="24"/>
      <c r="B95" s="47"/>
      <c r="C95" s="44" t="s">
        <v>41</v>
      </c>
      <c r="D95" s="44"/>
      <c r="E95" s="20"/>
    </row>
    <row r="96" spans="1:5" ht="28.35" customHeight="1" x14ac:dyDescent="0.15">
      <c r="A96" s="24"/>
      <c r="B96" s="47"/>
      <c r="C96" s="44" t="s">
        <v>42</v>
      </c>
      <c r="D96" s="44"/>
      <c r="E96" s="20"/>
    </row>
    <row r="97" spans="1:5" ht="14.1" customHeight="1" x14ac:dyDescent="0.15">
      <c r="A97" s="24"/>
      <c r="B97" s="39"/>
      <c r="C97" s="44" t="s">
        <v>43</v>
      </c>
      <c r="D97" s="44"/>
      <c r="E97" s="20"/>
    </row>
    <row r="98" spans="1:5" ht="14.1" customHeight="1" x14ac:dyDescent="0.15">
      <c r="A98" s="24"/>
      <c r="B98" s="45" t="s">
        <v>44</v>
      </c>
      <c r="C98" s="44"/>
      <c r="D98" s="44"/>
      <c r="E98" s="20" t="s">
        <v>91</v>
      </c>
    </row>
    <row r="99" spans="1:5" ht="28.35" customHeight="1" x14ac:dyDescent="0.15">
      <c r="A99" s="24"/>
      <c r="B99" s="47"/>
      <c r="C99" s="44" t="s">
        <v>45</v>
      </c>
      <c r="D99" s="44"/>
      <c r="E99" s="20"/>
    </row>
    <row r="100" spans="1:5" ht="28.35" customHeight="1" x14ac:dyDescent="0.15">
      <c r="A100" s="24"/>
      <c r="B100" s="39"/>
      <c r="C100" s="44" t="s">
        <v>46</v>
      </c>
      <c r="D100" s="44"/>
      <c r="E100" s="20"/>
    </row>
    <row r="101" spans="1:5" ht="28.35" customHeight="1" x14ac:dyDescent="0.15">
      <c r="A101" s="16" t="s">
        <v>147</v>
      </c>
      <c r="B101" s="44" t="s">
        <v>148</v>
      </c>
      <c r="C101" s="44"/>
      <c r="D101" s="44"/>
      <c r="E101" s="20"/>
    </row>
    <row r="102" spans="1:5" ht="14.1" customHeight="1" x14ac:dyDescent="0.15">
      <c r="A102" s="24"/>
      <c r="B102" s="45" t="s">
        <v>47</v>
      </c>
      <c r="C102" s="44"/>
      <c r="D102" s="44"/>
      <c r="E102" s="20" t="s">
        <v>91</v>
      </c>
    </row>
    <row r="103" spans="1:5" ht="14.1" customHeight="1" x14ac:dyDescent="0.15">
      <c r="A103" s="24"/>
      <c r="B103" s="47"/>
      <c r="C103" s="44" t="s">
        <v>48</v>
      </c>
      <c r="D103" s="44"/>
      <c r="E103" s="20"/>
    </row>
    <row r="104" spans="1:5" ht="14.1" customHeight="1" x14ac:dyDescent="0.15">
      <c r="A104" s="24"/>
      <c r="B104" s="39"/>
      <c r="C104" s="44" t="s">
        <v>49</v>
      </c>
      <c r="D104" s="44"/>
      <c r="E104" s="20"/>
    </row>
    <row r="105" spans="1:5" ht="28.35" customHeight="1" x14ac:dyDescent="0.15">
      <c r="A105" s="16" t="s">
        <v>149</v>
      </c>
      <c r="B105" s="45" t="s">
        <v>50</v>
      </c>
      <c r="C105" s="44"/>
      <c r="D105" s="44"/>
      <c r="E105" s="20" t="s">
        <v>91</v>
      </c>
    </row>
    <row r="106" spans="1:5" ht="14.1" customHeight="1" x14ac:dyDescent="0.15">
      <c r="A106" s="24"/>
      <c r="B106" s="47"/>
      <c r="C106" s="44" t="s">
        <v>51</v>
      </c>
      <c r="D106" s="44"/>
      <c r="E106" s="20"/>
    </row>
    <row r="107" spans="1:5" ht="28.35" customHeight="1" x14ac:dyDescent="0.15">
      <c r="A107" s="24"/>
      <c r="B107" s="39"/>
      <c r="C107" s="44" t="s">
        <v>52</v>
      </c>
      <c r="D107" s="44"/>
      <c r="E107" s="20"/>
    </row>
    <row r="108" spans="1:5" ht="28.35" customHeight="1" x14ac:dyDescent="0.15">
      <c r="A108" s="16" t="s">
        <v>150</v>
      </c>
      <c r="B108" s="44" t="s">
        <v>54</v>
      </c>
      <c r="C108" s="44"/>
      <c r="D108" s="44"/>
      <c r="E108" s="20"/>
    </row>
    <row r="109" spans="1:5" ht="36.75" customHeight="1" x14ac:dyDescent="0.15">
      <c r="A109" s="24"/>
      <c r="B109" s="44" t="s">
        <v>53</v>
      </c>
      <c r="C109" s="44"/>
      <c r="D109" s="44"/>
      <c r="E109" s="20"/>
    </row>
    <row r="110" spans="1:5" ht="14.1" customHeight="1" x14ac:dyDescent="0.15">
      <c r="A110" s="25"/>
      <c r="B110" s="50" t="s">
        <v>55</v>
      </c>
      <c r="C110" s="50"/>
      <c r="D110" s="50"/>
      <c r="E110" s="29"/>
    </row>
    <row r="111" spans="1:5" ht="3" customHeight="1" x14ac:dyDescent="0.15">
      <c r="B111" s="53"/>
      <c r="C111" s="53"/>
      <c r="D111" s="53"/>
    </row>
    <row r="112" spans="1:5" ht="11.25" customHeight="1" x14ac:dyDescent="0.15">
      <c r="A112" s="52" t="s">
        <v>109</v>
      </c>
      <c r="B112" s="52"/>
      <c r="C112" s="52"/>
      <c r="D112" s="52"/>
      <c r="E112" s="52"/>
    </row>
    <row r="113" spans="1:5" ht="11.25" customHeight="1" x14ac:dyDescent="0.15">
      <c r="A113" s="52" t="s">
        <v>127</v>
      </c>
      <c r="B113" s="52"/>
      <c r="C113" s="52"/>
      <c r="D113" s="52"/>
      <c r="E113" s="52"/>
    </row>
    <row r="114" spans="1:5" ht="11.25" customHeight="1" x14ac:dyDescent="0.15">
      <c r="A114" s="52" t="s">
        <v>126</v>
      </c>
      <c r="B114" s="52"/>
      <c r="C114" s="52"/>
      <c r="D114" s="52"/>
      <c r="E114" s="52"/>
    </row>
    <row r="115" spans="1:5" ht="11.25" customHeight="1" x14ac:dyDescent="0.15">
      <c r="A115" s="52" t="s">
        <v>110</v>
      </c>
      <c r="B115" s="52"/>
      <c r="C115" s="52"/>
      <c r="D115" s="52"/>
      <c r="E115" s="52"/>
    </row>
    <row r="116" spans="1:5" ht="11.25" customHeight="1" x14ac:dyDescent="0.15">
      <c r="A116" s="52" t="s">
        <v>111</v>
      </c>
      <c r="B116" s="52"/>
      <c r="C116" s="52"/>
      <c r="D116" s="52"/>
      <c r="E116" s="52"/>
    </row>
    <row r="117" spans="1:5" ht="11.25" customHeight="1" x14ac:dyDescent="0.15">
      <c r="A117" s="53" t="s">
        <v>132</v>
      </c>
      <c r="B117" s="52"/>
      <c r="C117" s="52"/>
      <c r="D117" s="52"/>
      <c r="E117" s="52"/>
    </row>
    <row r="118" spans="1:5" ht="11.25" customHeight="1" x14ac:dyDescent="0.15">
      <c r="A118" s="53" t="s">
        <v>133</v>
      </c>
      <c r="B118" s="52"/>
      <c r="C118" s="52"/>
      <c r="D118" s="52"/>
      <c r="E118" s="52"/>
    </row>
    <row r="119" spans="1:5" ht="14.1" customHeight="1" x14ac:dyDescent="0.15">
      <c r="A119" s="52" t="s">
        <v>134</v>
      </c>
      <c r="B119" s="52"/>
      <c r="C119" s="52"/>
      <c r="D119" s="52"/>
      <c r="E119" s="52"/>
    </row>
    <row r="120" spans="1:5" ht="14.1" customHeight="1" x14ac:dyDescent="0.15">
      <c r="A120" s="52"/>
      <c r="B120" s="52"/>
      <c r="C120" s="52"/>
      <c r="D120" s="52"/>
      <c r="E120" s="52"/>
    </row>
    <row r="121" spans="1:5" ht="14.1" customHeight="1" x14ac:dyDescent="0.15">
      <c r="A121" s="52"/>
      <c r="B121" s="52"/>
      <c r="C121" s="52"/>
      <c r="D121" s="52"/>
      <c r="E121" s="52"/>
    </row>
    <row r="122" spans="1:5" ht="14.1" customHeight="1" x14ac:dyDescent="0.15">
      <c r="A122" s="52"/>
      <c r="B122" s="52"/>
      <c r="C122" s="52"/>
      <c r="D122" s="52"/>
      <c r="E122" s="52"/>
    </row>
    <row r="123" spans="1:5" ht="14.1" customHeight="1" x14ac:dyDescent="0.15">
      <c r="A123" s="52"/>
      <c r="B123" s="52"/>
      <c r="C123" s="52"/>
      <c r="D123" s="52"/>
      <c r="E123" s="52"/>
    </row>
    <row r="124" spans="1:5" ht="14.1" customHeight="1" x14ac:dyDescent="0.15">
      <c r="B124" s="53"/>
      <c r="C124" s="53"/>
      <c r="D124" s="53"/>
    </row>
    <row r="125" spans="1:5" ht="14.1" customHeight="1" x14ac:dyDescent="0.15">
      <c r="B125" s="53"/>
      <c r="C125" s="53"/>
      <c r="D125" s="53"/>
    </row>
    <row r="126" spans="1:5" ht="14.1" customHeight="1" x14ac:dyDescent="0.15">
      <c r="B126" s="53"/>
      <c r="C126" s="53"/>
      <c r="D126" s="53"/>
    </row>
    <row r="127" spans="1:5" ht="14.1" customHeight="1" x14ac:dyDescent="0.15">
      <c r="B127" s="53"/>
      <c r="C127" s="53"/>
      <c r="D127" s="53"/>
    </row>
    <row r="128" spans="1:5" ht="14.1" customHeight="1" x14ac:dyDescent="0.15">
      <c r="B128" s="53"/>
      <c r="C128" s="53"/>
      <c r="D128" s="53"/>
    </row>
    <row r="129" spans="1:5" ht="14.1" customHeight="1" x14ac:dyDescent="0.15">
      <c r="B129" s="53"/>
      <c r="C129" s="53"/>
      <c r="D129" s="53"/>
    </row>
    <row r="130" spans="1:5" ht="14.1" customHeight="1" x14ac:dyDescent="0.15">
      <c r="B130" s="53"/>
      <c r="C130" s="53"/>
      <c r="D130" s="53"/>
    </row>
    <row r="131" spans="1:5" ht="14.1" customHeight="1" x14ac:dyDescent="0.15">
      <c r="B131" s="53"/>
      <c r="C131" s="53"/>
      <c r="D131" s="53"/>
    </row>
    <row r="132" spans="1:5" ht="14.1" customHeight="1" x14ac:dyDescent="0.15">
      <c r="B132" s="54"/>
      <c r="C132" s="54"/>
      <c r="D132" s="54"/>
    </row>
    <row r="133" spans="1:5" ht="14.1" customHeight="1" x14ac:dyDescent="0.15">
      <c r="B133" s="54"/>
      <c r="C133" s="54"/>
      <c r="D133" s="54"/>
    </row>
    <row r="134" spans="1:5" ht="14.1" customHeight="1" x14ac:dyDescent="0.15">
      <c r="B134" s="54"/>
      <c r="C134" s="54"/>
      <c r="D134" s="54"/>
    </row>
    <row r="135" spans="1:5" ht="14.1" customHeight="1" x14ac:dyDescent="0.15">
      <c r="B135" s="53"/>
      <c r="C135" s="53"/>
      <c r="D135" s="53"/>
    </row>
    <row r="136" spans="1:5" ht="14.1" customHeight="1" x14ac:dyDescent="0.15">
      <c r="B136" s="53"/>
      <c r="C136" s="53"/>
      <c r="D136" s="53"/>
    </row>
    <row r="137" spans="1:5" ht="14.1" customHeight="1" x14ac:dyDescent="0.15">
      <c r="B137" s="53"/>
      <c r="C137" s="53"/>
      <c r="D137" s="53"/>
    </row>
    <row r="138" spans="1:5" ht="14.1" customHeight="1" x14ac:dyDescent="0.15">
      <c r="B138" s="53"/>
      <c r="C138" s="53"/>
      <c r="D138" s="53"/>
    </row>
    <row r="139" spans="1:5" ht="14.1" customHeight="1" x14ac:dyDescent="0.15">
      <c r="B139" s="53"/>
      <c r="C139" s="53"/>
      <c r="D139" s="53"/>
    </row>
    <row r="140" spans="1:5" ht="14.1" customHeight="1" x14ac:dyDescent="0.15">
      <c r="B140" s="53"/>
      <c r="C140" s="53"/>
      <c r="D140" s="53"/>
    </row>
    <row r="141" spans="1:5" ht="14.1" customHeight="1" x14ac:dyDescent="0.15">
      <c r="A141" s="52" t="s">
        <v>114</v>
      </c>
      <c r="B141" s="52"/>
      <c r="C141" s="52"/>
      <c r="D141" s="52"/>
      <c r="E141" s="52"/>
    </row>
    <row r="142" spans="1:5" ht="14.1" customHeight="1" x14ac:dyDescent="0.15">
      <c r="A142" s="8" t="s">
        <v>1</v>
      </c>
      <c r="B142" s="9" t="s">
        <v>0</v>
      </c>
      <c r="C142" s="9"/>
      <c r="D142" s="9"/>
      <c r="E142" s="10"/>
    </row>
    <row r="143" spans="1:5" ht="14.1" customHeight="1" x14ac:dyDescent="0.15">
      <c r="A143" s="55" t="s">
        <v>113</v>
      </c>
      <c r="B143" s="56" t="s">
        <v>151</v>
      </c>
      <c r="C143" s="57"/>
      <c r="D143" s="57"/>
      <c r="E143" s="58"/>
    </row>
    <row r="144" spans="1:5" ht="62.25" customHeight="1" x14ac:dyDescent="0.15">
      <c r="A144" s="59"/>
      <c r="B144" s="60"/>
      <c r="C144" s="61" t="s">
        <v>131</v>
      </c>
      <c r="D144" s="62"/>
      <c r="E144" s="63"/>
    </row>
    <row r="145" spans="1:5" ht="28.5" customHeight="1" x14ac:dyDescent="0.15">
      <c r="A145" s="59"/>
      <c r="B145" s="60"/>
      <c r="C145" s="61" t="s">
        <v>129</v>
      </c>
      <c r="D145" s="62"/>
      <c r="E145" s="63"/>
    </row>
    <row r="146" spans="1:5" ht="26.25" customHeight="1" x14ac:dyDescent="0.15">
      <c r="A146" s="59"/>
      <c r="B146" s="60"/>
      <c r="C146" s="61" t="s">
        <v>130</v>
      </c>
      <c r="D146" s="62"/>
      <c r="E146" s="63"/>
    </row>
    <row r="147" spans="1:5" ht="13.5" customHeight="1" x14ac:dyDescent="0.15">
      <c r="A147" s="59"/>
      <c r="B147" s="64"/>
      <c r="C147" s="62" t="s">
        <v>112</v>
      </c>
      <c r="D147" s="62"/>
      <c r="E147" s="63"/>
    </row>
    <row r="148" spans="1:5" ht="113.25" customHeight="1" x14ac:dyDescent="0.15">
      <c r="A148" s="65" t="s">
        <v>152</v>
      </c>
      <c r="B148" s="44" t="s">
        <v>61</v>
      </c>
      <c r="C148" s="44"/>
      <c r="D148" s="44"/>
      <c r="E148" s="20"/>
    </row>
    <row r="149" spans="1:5" ht="14.1" customHeight="1" x14ac:dyDescent="0.15">
      <c r="A149" s="66" t="s">
        <v>92</v>
      </c>
      <c r="B149" s="44" t="s">
        <v>153</v>
      </c>
      <c r="C149" s="44"/>
      <c r="D149" s="44"/>
      <c r="E149" s="20"/>
    </row>
    <row r="150" spans="1:5" ht="28.35" customHeight="1" x14ac:dyDescent="0.15">
      <c r="A150" s="67"/>
      <c r="B150" s="44" t="s">
        <v>62</v>
      </c>
      <c r="C150" s="44"/>
      <c r="D150" s="44"/>
      <c r="E150" s="20"/>
    </row>
    <row r="151" spans="1:5" ht="14.1" customHeight="1" x14ac:dyDescent="0.15">
      <c r="A151" s="66" t="s">
        <v>93</v>
      </c>
      <c r="B151" s="44" t="s">
        <v>63</v>
      </c>
      <c r="C151" s="44"/>
      <c r="D151" s="44"/>
      <c r="E151" s="20"/>
    </row>
    <row r="152" spans="1:5" ht="14.1" customHeight="1" x14ac:dyDescent="0.15">
      <c r="A152" s="68"/>
      <c r="B152" s="44" t="s">
        <v>64</v>
      </c>
      <c r="C152" s="44"/>
      <c r="D152" s="44"/>
      <c r="E152" s="20"/>
    </row>
    <row r="153" spans="1:5" ht="28.35" customHeight="1" x14ac:dyDescent="0.15">
      <c r="A153" s="67"/>
      <c r="B153" s="44" t="s">
        <v>65</v>
      </c>
      <c r="C153" s="44"/>
      <c r="D153" s="44"/>
      <c r="E153" s="20"/>
    </row>
    <row r="154" spans="1:5" ht="14.1" customHeight="1" x14ac:dyDescent="0.15">
      <c r="A154" s="66" t="s">
        <v>94</v>
      </c>
      <c r="B154" s="44" t="s">
        <v>66</v>
      </c>
      <c r="C154" s="44"/>
      <c r="D154" s="44"/>
      <c r="E154" s="20"/>
    </row>
    <row r="155" spans="1:5" ht="14.1" customHeight="1" x14ac:dyDescent="0.15">
      <c r="A155" s="68"/>
      <c r="B155" s="44" t="s">
        <v>67</v>
      </c>
      <c r="C155" s="44"/>
      <c r="D155" s="44"/>
      <c r="E155" s="20"/>
    </row>
    <row r="156" spans="1:5" ht="14.1" customHeight="1" x14ac:dyDescent="0.15">
      <c r="A156" s="67"/>
      <c r="B156" s="44" t="s">
        <v>68</v>
      </c>
      <c r="C156" s="44"/>
      <c r="D156" s="44"/>
      <c r="E156" s="20"/>
    </row>
    <row r="157" spans="1:5" ht="14.1" customHeight="1" x14ac:dyDescent="0.15">
      <c r="A157" s="66" t="s">
        <v>116</v>
      </c>
      <c r="B157" s="44" t="s">
        <v>69</v>
      </c>
      <c r="C157" s="44"/>
      <c r="D157" s="44"/>
      <c r="E157" s="20"/>
    </row>
    <row r="158" spans="1:5" ht="14.1" customHeight="1" x14ac:dyDescent="0.15">
      <c r="A158" s="68"/>
      <c r="B158" s="44" t="s">
        <v>70</v>
      </c>
      <c r="C158" s="44"/>
      <c r="D158" s="44"/>
      <c r="E158" s="20"/>
    </row>
    <row r="159" spans="1:5" ht="14.1" customHeight="1" x14ac:dyDescent="0.15">
      <c r="A159" s="68"/>
      <c r="B159" s="44" t="s">
        <v>71</v>
      </c>
      <c r="C159" s="44"/>
      <c r="D159" s="44"/>
      <c r="E159" s="20"/>
    </row>
    <row r="160" spans="1:5" ht="14.1" customHeight="1" x14ac:dyDescent="0.15">
      <c r="A160" s="68"/>
      <c r="B160" s="44" t="s">
        <v>72</v>
      </c>
      <c r="C160" s="44"/>
      <c r="D160" s="44"/>
      <c r="E160" s="20"/>
    </row>
    <row r="161" spans="1:5" ht="14.1" customHeight="1" x14ac:dyDescent="0.15">
      <c r="A161" s="68"/>
      <c r="B161" s="44" t="s">
        <v>73</v>
      </c>
      <c r="C161" s="44"/>
      <c r="D161" s="44"/>
      <c r="E161" s="20"/>
    </row>
    <row r="162" spans="1:5" ht="14.1" customHeight="1" x14ac:dyDescent="0.15">
      <c r="A162" s="68"/>
      <c r="B162" s="44" t="s">
        <v>74</v>
      </c>
      <c r="C162" s="44"/>
      <c r="D162" s="44"/>
      <c r="E162" s="20"/>
    </row>
    <row r="163" spans="1:5" ht="14.1" customHeight="1" x14ac:dyDescent="0.15">
      <c r="A163" s="68"/>
      <c r="B163" s="44" t="s">
        <v>75</v>
      </c>
      <c r="C163" s="44"/>
      <c r="D163" s="44"/>
      <c r="E163" s="20"/>
    </row>
    <row r="164" spans="1:5" ht="28.35" customHeight="1" x14ac:dyDescent="0.15">
      <c r="A164" s="68"/>
      <c r="B164" s="45" t="s">
        <v>76</v>
      </c>
      <c r="C164" s="44"/>
      <c r="D164" s="44"/>
      <c r="E164" s="20" t="s">
        <v>91</v>
      </c>
    </row>
    <row r="165" spans="1:5" ht="14.1" customHeight="1" x14ac:dyDescent="0.15">
      <c r="A165" s="68"/>
      <c r="B165" s="47"/>
      <c r="C165" s="44" t="s">
        <v>77</v>
      </c>
      <c r="D165" s="44"/>
      <c r="E165" s="20"/>
    </row>
    <row r="166" spans="1:5" ht="14.1" customHeight="1" x14ac:dyDescent="0.15">
      <c r="A166" s="68"/>
      <c r="B166" s="39"/>
      <c r="C166" s="44" t="s">
        <v>78</v>
      </c>
      <c r="D166" s="44"/>
      <c r="E166" s="20"/>
    </row>
    <row r="167" spans="1:5" ht="14.1" customHeight="1" x14ac:dyDescent="0.15">
      <c r="A167" s="68"/>
      <c r="B167" s="45" t="s">
        <v>154</v>
      </c>
      <c r="C167" s="44"/>
      <c r="D167" s="44"/>
      <c r="E167" s="20" t="s">
        <v>91</v>
      </c>
    </row>
    <row r="168" spans="1:5" ht="28.35" customHeight="1" x14ac:dyDescent="0.15">
      <c r="A168" s="68"/>
      <c r="B168" s="47"/>
      <c r="C168" s="44" t="s">
        <v>79</v>
      </c>
      <c r="D168" s="44"/>
      <c r="E168" s="20"/>
    </row>
    <row r="169" spans="1:5" ht="28.35" customHeight="1" x14ac:dyDescent="0.15">
      <c r="A169" s="68"/>
      <c r="B169" s="47"/>
      <c r="C169" s="44" t="s">
        <v>80</v>
      </c>
      <c r="D169" s="44"/>
      <c r="E169" s="20"/>
    </row>
    <row r="170" spans="1:5" ht="14.1" customHeight="1" x14ac:dyDescent="0.15">
      <c r="A170" s="69"/>
      <c r="B170" s="49"/>
      <c r="C170" s="50" t="s">
        <v>81</v>
      </c>
      <c r="D170" s="50"/>
      <c r="E170" s="29"/>
    </row>
    <row r="171" spans="1:5" ht="3.75" customHeight="1" x14ac:dyDescent="0.15">
      <c r="B171" s="53"/>
      <c r="C171" s="53"/>
      <c r="D171" s="53"/>
    </row>
    <row r="172" spans="1:5" ht="11.25" customHeight="1" x14ac:dyDescent="0.15">
      <c r="A172" s="52" t="s">
        <v>155</v>
      </c>
      <c r="B172" s="52"/>
      <c r="C172" s="52"/>
      <c r="D172" s="52"/>
      <c r="E172" s="52"/>
    </row>
    <row r="173" spans="1:5" ht="11.25" customHeight="1" x14ac:dyDescent="0.15">
      <c r="A173" s="70" t="s">
        <v>156</v>
      </c>
      <c r="B173" s="70"/>
      <c r="C173" s="70"/>
      <c r="D173" s="70"/>
      <c r="E173" s="70"/>
    </row>
    <row r="174" spans="1:5" ht="4.5" customHeight="1" x14ac:dyDescent="0.15">
      <c r="A174" s="71"/>
      <c r="B174" s="71"/>
      <c r="C174" s="71"/>
      <c r="D174" s="71"/>
      <c r="E174" s="71"/>
    </row>
    <row r="175" spans="1:5" ht="11.25" customHeight="1" x14ac:dyDescent="0.15">
      <c r="A175" s="52" t="s">
        <v>120</v>
      </c>
      <c r="B175" s="52"/>
      <c r="C175" s="52"/>
      <c r="D175" s="52"/>
      <c r="E175" s="52"/>
    </row>
    <row r="176" spans="1:5" ht="14.1" customHeight="1" x14ac:dyDescent="0.15">
      <c r="A176" s="52"/>
      <c r="B176" s="52"/>
      <c r="C176" s="52"/>
      <c r="D176" s="52"/>
      <c r="E176" s="52"/>
    </row>
    <row r="177" spans="1:5" ht="14.1" customHeight="1" x14ac:dyDescent="0.15">
      <c r="A177" s="52"/>
      <c r="B177" s="52"/>
      <c r="C177" s="52"/>
      <c r="D177" s="52"/>
      <c r="E177" s="52"/>
    </row>
    <row r="178" spans="1:5" ht="14.1" customHeight="1" x14ac:dyDescent="0.15">
      <c r="A178" s="52"/>
      <c r="B178" s="52"/>
      <c r="C178" s="52"/>
      <c r="D178" s="52"/>
      <c r="E178" s="52"/>
    </row>
    <row r="179" spans="1:5" ht="14.1" customHeight="1" x14ac:dyDescent="0.15">
      <c r="B179" s="53"/>
      <c r="C179" s="53"/>
      <c r="D179" s="53"/>
    </row>
    <row r="180" spans="1:5" ht="14.1" customHeight="1" x14ac:dyDescent="0.15">
      <c r="B180" s="54"/>
      <c r="C180" s="54"/>
      <c r="D180" s="54"/>
    </row>
    <row r="181" spans="1:5" ht="14.1" customHeight="1" x14ac:dyDescent="0.15">
      <c r="B181" s="53"/>
      <c r="C181" s="53"/>
      <c r="D181" s="53"/>
    </row>
    <row r="182" spans="1:5" ht="14.1" customHeight="1" x14ac:dyDescent="0.15">
      <c r="A182" s="52" t="s">
        <v>115</v>
      </c>
      <c r="B182" s="52"/>
      <c r="C182" s="52"/>
      <c r="D182" s="52"/>
      <c r="E182" s="52"/>
    </row>
    <row r="183" spans="1:5" ht="14.1" customHeight="1" x14ac:dyDescent="0.15">
      <c r="A183" s="8" t="s">
        <v>1</v>
      </c>
      <c r="B183" s="9" t="s">
        <v>0</v>
      </c>
      <c r="C183" s="9"/>
      <c r="D183" s="9"/>
      <c r="E183" s="10"/>
    </row>
    <row r="184" spans="1:5" ht="36.75" customHeight="1" x14ac:dyDescent="0.15">
      <c r="A184" s="66" t="s">
        <v>118</v>
      </c>
      <c r="B184" s="45" t="s">
        <v>96</v>
      </c>
      <c r="C184" s="44"/>
      <c r="D184" s="44"/>
      <c r="E184" s="20" t="s">
        <v>91</v>
      </c>
    </row>
    <row r="185" spans="1:5" ht="14.1" customHeight="1" x14ac:dyDescent="0.15">
      <c r="A185" s="68"/>
      <c r="B185" s="47"/>
      <c r="C185" s="44" t="s">
        <v>82</v>
      </c>
      <c r="D185" s="44"/>
      <c r="E185" s="20"/>
    </row>
    <row r="186" spans="1:5" ht="14.1" customHeight="1" x14ac:dyDescent="0.15">
      <c r="A186" s="68"/>
      <c r="B186" s="47"/>
      <c r="C186" s="44" t="s">
        <v>83</v>
      </c>
      <c r="D186" s="44"/>
      <c r="E186" s="20"/>
    </row>
    <row r="187" spans="1:5" ht="28.35" customHeight="1" x14ac:dyDescent="0.15">
      <c r="A187" s="68"/>
      <c r="B187" s="39"/>
      <c r="C187" s="44" t="s">
        <v>84</v>
      </c>
      <c r="D187" s="44"/>
      <c r="E187" s="20"/>
    </row>
    <row r="188" spans="1:5" ht="36" customHeight="1" x14ac:dyDescent="0.15">
      <c r="A188" s="68"/>
      <c r="B188" s="45" t="s">
        <v>95</v>
      </c>
      <c r="C188" s="44"/>
      <c r="D188" s="44"/>
      <c r="E188" s="20" t="s">
        <v>91</v>
      </c>
    </row>
    <row r="189" spans="1:5" ht="14.1" customHeight="1" x14ac:dyDescent="0.15">
      <c r="A189" s="69"/>
      <c r="B189" s="49"/>
      <c r="C189" s="50" t="s">
        <v>85</v>
      </c>
      <c r="D189" s="50"/>
      <c r="E189" s="29"/>
    </row>
    <row r="190" spans="1:5" ht="14.1" customHeight="1" x14ac:dyDescent="0.15">
      <c r="A190" s="72" t="s">
        <v>119</v>
      </c>
      <c r="B190" s="33" t="s">
        <v>157</v>
      </c>
      <c r="C190" s="33"/>
      <c r="D190" s="33"/>
      <c r="E190" s="15"/>
    </row>
    <row r="191" spans="1:5" ht="14.1" customHeight="1" x14ac:dyDescent="0.15">
      <c r="A191" s="73"/>
      <c r="B191" s="44" t="s">
        <v>64</v>
      </c>
      <c r="C191" s="44"/>
      <c r="D191" s="44"/>
      <c r="E191" s="20"/>
    </row>
    <row r="192" spans="1:5" ht="28.35" customHeight="1" x14ac:dyDescent="0.15">
      <c r="A192" s="73"/>
      <c r="B192" s="44" t="s">
        <v>65</v>
      </c>
      <c r="C192" s="44"/>
      <c r="D192" s="44"/>
      <c r="E192" s="20"/>
    </row>
    <row r="193" spans="1:5" ht="14.1" customHeight="1" x14ac:dyDescent="0.15">
      <c r="A193" s="73"/>
      <c r="B193" s="45" t="s">
        <v>86</v>
      </c>
      <c r="C193" s="44"/>
      <c r="D193" s="44"/>
      <c r="E193" s="20" t="s">
        <v>91</v>
      </c>
    </row>
    <row r="194" spans="1:5" ht="14.1" customHeight="1" x14ac:dyDescent="0.15">
      <c r="A194" s="73"/>
      <c r="B194" s="47"/>
      <c r="C194" s="44" t="s">
        <v>87</v>
      </c>
      <c r="D194" s="44"/>
      <c r="E194" s="20"/>
    </row>
    <row r="195" spans="1:5" ht="14.1" customHeight="1" x14ac:dyDescent="0.15">
      <c r="A195" s="73"/>
      <c r="B195" s="47"/>
      <c r="C195" s="44" t="s">
        <v>88</v>
      </c>
      <c r="D195" s="44"/>
      <c r="E195" s="20"/>
    </row>
    <row r="196" spans="1:5" ht="14.1" customHeight="1" x14ac:dyDescent="0.15">
      <c r="A196" s="73"/>
      <c r="B196" s="39"/>
      <c r="C196" s="44" t="s">
        <v>89</v>
      </c>
      <c r="D196" s="44"/>
      <c r="E196" s="20"/>
    </row>
    <row r="197" spans="1:5" ht="28.35" customHeight="1" x14ac:dyDescent="0.15">
      <c r="A197" s="74"/>
      <c r="B197" s="50" t="s">
        <v>90</v>
      </c>
      <c r="C197" s="50"/>
      <c r="D197" s="50"/>
      <c r="E197" s="29" t="s">
        <v>91</v>
      </c>
    </row>
    <row r="198" spans="1:5" ht="14.25" customHeight="1" x14ac:dyDescent="0.15">
      <c r="A198" s="75"/>
      <c r="B198" s="31"/>
      <c r="C198" s="31"/>
      <c r="D198" s="31"/>
      <c r="E198" s="30"/>
    </row>
    <row r="199" spans="1:5" ht="14.25" customHeight="1" x14ac:dyDescent="0.15">
      <c r="A199" s="75"/>
      <c r="B199" s="31"/>
      <c r="C199" s="31"/>
      <c r="D199" s="31"/>
      <c r="E199" s="30"/>
    </row>
    <row r="200" spans="1:5" ht="14.25" customHeight="1" x14ac:dyDescent="0.15">
      <c r="A200" s="75"/>
      <c r="B200" s="31"/>
      <c r="C200" s="31"/>
      <c r="D200" s="31"/>
      <c r="E200" s="30"/>
    </row>
    <row r="201" spans="1:5" ht="14.25" customHeight="1" x14ac:dyDescent="0.15">
      <c r="A201" s="75"/>
      <c r="B201" s="31"/>
      <c r="C201" s="31"/>
      <c r="D201" s="31"/>
      <c r="E201" s="30"/>
    </row>
    <row r="202" spans="1:5" ht="14.1" customHeight="1" x14ac:dyDescent="0.15">
      <c r="B202" s="53"/>
      <c r="C202" s="53"/>
      <c r="D202" s="53"/>
    </row>
    <row r="203" spans="1:5" ht="14.1" customHeight="1" x14ac:dyDescent="0.15">
      <c r="A203" s="52" t="s">
        <v>117</v>
      </c>
      <c r="B203" s="52"/>
      <c r="C203" s="52"/>
      <c r="D203" s="52"/>
      <c r="E203" s="52"/>
    </row>
    <row r="204" spans="1:5" ht="14.1" customHeight="1" x14ac:dyDescent="0.15">
      <c r="A204" s="8" t="s">
        <v>1</v>
      </c>
      <c r="B204" s="9" t="s">
        <v>0</v>
      </c>
      <c r="C204" s="9"/>
      <c r="D204" s="9"/>
      <c r="E204" s="10"/>
    </row>
    <row r="205" spans="1:5" ht="28.35" customHeight="1" x14ac:dyDescent="0.15">
      <c r="A205" s="11" t="s">
        <v>158</v>
      </c>
      <c r="B205" s="33" t="s">
        <v>159</v>
      </c>
      <c r="C205" s="33"/>
      <c r="D205" s="33"/>
      <c r="E205" s="15"/>
    </row>
    <row r="206" spans="1:5" ht="36.75" customHeight="1" x14ac:dyDescent="0.15">
      <c r="A206" s="24"/>
      <c r="B206" s="44" t="s">
        <v>56</v>
      </c>
      <c r="C206" s="44"/>
      <c r="D206" s="44"/>
      <c r="E206" s="20"/>
    </row>
    <row r="207" spans="1:5" ht="39" customHeight="1" x14ac:dyDescent="0.15">
      <c r="A207" s="25"/>
      <c r="B207" s="50" t="s">
        <v>160</v>
      </c>
      <c r="C207" s="50"/>
      <c r="D207" s="50"/>
      <c r="E207" s="29"/>
    </row>
    <row r="208" spans="1:5" ht="2.25" customHeight="1" x14ac:dyDescent="0.15">
      <c r="B208" s="53"/>
      <c r="C208" s="53"/>
      <c r="D208" s="53"/>
    </row>
    <row r="209" spans="1:5" ht="11.25" customHeight="1" x14ac:dyDescent="0.15">
      <c r="A209" s="52" t="s">
        <v>121</v>
      </c>
      <c r="B209" s="52"/>
      <c r="C209" s="52"/>
      <c r="D209" s="52"/>
      <c r="E209" s="52"/>
    </row>
    <row r="210" spans="1:5" ht="11.25" customHeight="1" x14ac:dyDescent="0.15">
      <c r="A210" s="52" t="s">
        <v>57</v>
      </c>
      <c r="B210" s="52"/>
      <c r="C210" s="52"/>
      <c r="D210" s="52"/>
      <c r="E210" s="52"/>
    </row>
    <row r="211" spans="1:5" ht="11.25" customHeight="1" x14ac:dyDescent="0.15">
      <c r="A211" s="52" t="s">
        <v>128</v>
      </c>
      <c r="B211" s="52"/>
      <c r="C211" s="52"/>
      <c r="D211" s="52"/>
      <c r="E211" s="52"/>
    </row>
    <row r="212" spans="1:5" ht="11.25" customHeight="1" x14ac:dyDescent="0.15">
      <c r="A212" s="52" t="s">
        <v>161</v>
      </c>
      <c r="B212" s="52"/>
      <c r="C212" s="52"/>
      <c r="D212" s="52"/>
      <c r="E212" s="52"/>
    </row>
    <row r="213" spans="1:5" ht="3" customHeight="1" x14ac:dyDescent="0.15">
      <c r="A213" s="52"/>
      <c r="B213" s="52"/>
      <c r="C213" s="52"/>
      <c r="D213" s="52"/>
      <c r="E213" s="52"/>
    </row>
    <row r="214" spans="1:5" ht="11.25" customHeight="1" x14ac:dyDescent="0.15">
      <c r="A214" s="52" t="s">
        <v>122</v>
      </c>
      <c r="B214" s="52"/>
      <c r="C214" s="52"/>
      <c r="D214" s="52"/>
      <c r="E214" s="52"/>
    </row>
    <row r="215" spans="1:5" ht="11.25" customHeight="1" x14ac:dyDescent="0.15">
      <c r="A215" s="52" t="s">
        <v>58</v>
      </c>
      <c r="B215" s="52"/>
      <c r="C215" s="52"/>
      <c r="D215" s="52"/>
      <c r="E215" s="52"/>
    </row>
    <row r="216" spans="1:5" ht="11.25" customHeight="1" x14ac:dyDescent="0.15">
      <c r="A216" s="52" t="s">
        <v>59</v>
      </c>
      <c r="B216" s="52"/>
      <c r="C216" s="52"/>
      <c r="D216" s="52"/>
      <c r="E216" s="52"/>
    </row>
    <row r="217" spans="1:5" ht="11.25" customHeight="1" x14ac:dyDescent="0.15">
      <c r="A217" s="52" t="s">
        <v>60</v>
      </c>
      <c r="B217" s="52"/>
      <c r="C217" s="52"/>
      <c r="D217" s="52"/>
      <c r="E217" s="52"/>
    </row>
    <row r="218" spans="1:5" ht="14.1" customHeight="1" x14ac:dyDescent="0.15">
      <c r="B218" s="53"/>
      <c r="C218" s="53"/>
      <c r="D218" s="53"/>
    </row>
    <row r="219" spans="1:5" ht="14.1" customHeight="1" x14ac:dyDescent="0.15">
      <c r="B219" s="53"/>
      <c r="C219" s="53"/>
      <c r="D219" s="53"/>
    </row>
    <row r="220" spans="1:5" ht="14.1" customHeight="1" x14ac:dyDescent="0.15">
      <c r="B220" s="53"/>
      <c r="C220" s="53"/>
      <c r="D220" s="53"/>
    </row>
    <row r="221" spans="1:5" ht="14.1" customHeight="1" x14ac:dyDescent="0.15">
      <c r="B221" s="51"/>
      <c r="C221" s="51"/>
      <c r="D221" s="51"/>
    </row>
    <row r="222" spans="1:5" ht="14.1" customHeight="1" x14ac:dyDescent="0.15">
      <c r="B222" s="51"/>
      <c r="C222" s="51"/>
      <c r="D222" s="51"/>
    </row>
    <row r="223" spans="1:5" ht="14.1" customHeight="1" x14ac:dyDescent="0.15">
      <c r="B223" s="51"/>
      <c r="C223" s="51"/>
      <c r="D223" s="51"/>
    </row>
    <row r="224" spans="1:5" ht="14.1" customHeight="1" x14ac:dyDescent="0.15">
      <c r="B224" s="51"/>
      <c r="C224" s="51"/>
      <c r="D224" s="51"/>
    </row>
    <row r="225" spans="2:4" ht="14.1" customHeight="1" x14ac:dyDescent="0.15">
      <c r="B225" s="51"/>
      <c r="C225" s="51"/>
      <c r="D225" s="51"/>
    </row>
    <row r="226" spans="2:4" ht="14.1" customHeight="1" x14ac:dyDescent="0.15">
      <c r="B226" s="51"/>
      <c r="C226" s="51"/>
      <c r="D226" s="51"/>
    </row>
    <row r="227" spans="2:4" ht="14.1" customHeight="1" x14ac:dyDescent="0.15">
      <c r="B227" s="51"/>
      <c r="C227" s="51"/>
      <c r="D227" s="51"/>
    </row>
    <row r="228" spans="2:4" ht="14.1" customHeight="1" x14ac:dyDescent="0.15">
      <c r="B228" s="51"/>
      <c r="C228" s="51"/>
      <c r="D228" s="51"/>
    </row>
    <row r="229" spans="2:4" ht="14.1" customHeight="1" x14ac:dyDescent="0.15">
      <c r="B229" s="51"/>
      <c r="C229" s="51"/>
      <c r="D229" s="51"/>
    </row>
    <row r="230" spans="2:4" ht="14.1" customHeight="1" x14ac:dyDescent="0.15"/>
    <row r="231" spans="2:4" ht="14.1" customHeight="1" x14ac:dyDescent="0.15"/>
    <row r="232" spans="2:4" ht="14.1" customHeight="1" x14ac:dyDescent="0.15"/>
    <row r="233" spans="2:4" ht="14.1" customHeight="1" x14ac:dyDescent="0.15"/>
    <row r="234" spans="2:4" ht="14.1" customHeight="1" x14ac:dyDescent="0.15"/>
    <row r="235" spans="2:4" ht="14.1" customHeight="1" x14ac:dyDescent="0.15"/>
    <row r="236" spans="2:4" ht="14.1" customHeight="1" x14ac:dyDescent="0.15"/>
    <row r="237" spans="2:4" ht="14.1" customHeight="1" x14ac:dyDescent="0.15"/>
    <row r="238" spans="2:4" ht="14.1" customHeight="1" x14ac:dyDescent="0.15"/>
    <row r="239" spans="2:4" ht="14.1" customHeight="1" x14ac:dyDescent="0.15"/>
    <row r="240" spans="2:4" ht="14.1" customHeight="1" x14ac:dyDescent="0.15"/>
    <row r="241" ht="14.1" customHeight="1" x14ac:dyDescent="0.15"/>
    <row r="242" ht="14.1" customHeight="1" x14ac:dyDescent="0.15"/>
    <row r="243" ht="14.1" customHeight="1" x14ac:dyDescent="0.15"/>
    <row r="244" ht="14.1" customHeight="1" x14ac:dyDescent="0.15"/>
    <row r="245" ht="14.1" customHeight="1" x14ac:dyDescent="0.15"/>
    <row r="246" ht="14.1" customHeight="1" x14ac:dyDescent="0.15"/>
    <row r="247" ht="14.1" customHeight="1" x14ac:dyDescent="0.15"/>
    <row r="248" ht="14.1" customHeight="1" x14ac:dyDescent="0.15"/>
    <row r="249" ht="14.1" customHeight="1" x14ac:dyDescent="0.15"/>
    <row r="250" ht="14.1" customHeight="1" x14ac:dyDescent="0.15"/>
    <row r="251" ht="14.1" customHeight="1" x14ac:dyDescent="0.15"/>
    <row r="252" ht="14.1" customHeight="1" x14ac:dyDescent="0.15"/>
    <row r="253" ht="14.1" customHeight="1" x14ac:dyDescent="0.15"/>
    <row r="254" ht="14.1" customHeight="1" x14ac:dyDescent="0.15"/>
    <row r="255" ht="14.1" customHeight="1" x14ac:dyDescent="0.15"/>
    <row r="256" ht="14.1" customHeight="1" x14ac:dyDescent="0.15"/>
    <row r="257" ht="14.1" customHeight="1" x14ac:dyDescent="0.15"/>
    <row r="258" ht="14.1" customHeight="1" x14ac:dyDescent="0.15"/>
    <row r="259" ht="14.1" customHeight="1" x14ac:dyDescent="0.15"/>
    <row r="260" ht="14.1" customHeight="1" x14ac:dyDescent="0.15"/>
    <row r="261" ht="14.1" customHeight="1" x14ac:dyDescent="0.15"/>
    <row r="262" ht="14.1" customHeight="1" x14ac:dyDescent="0.15"/>
    <row r="263" ht="14.1" customHeight="1" x14ac:dyDescent="0.15"/>
    <row r="264" ht="14.1" customHeight="1" x14ac:dyDescent="0.15"/>
    <row r="265" ht="14.1" customHeight="1" x14ac:dyDescent="0.15"/>
    <row r="266" ht="14.1" customHeight="1" x14ac:dyDescent="0.15"/>
    <row r="267" ht="14.1" customHeight="1" x14ac:dyDescent="0.15"/>
    <row r="268" ht="14.1" customHeight="1" x14ac:dyDescent="0.15"/>
    <row r="269" ht="14.1" customHeight="1" x14ac:dyDescent="0.15"/>
    <row r="270" ht="14.1" customHeight="1" x14ac:dyDescent="0.15"/>
    <row r="271" ht="14.1" customHeight="1" x14ac:dyDescent="0.15"/>
    <row r="272" ht="14.1" customHeight="1" x14ac:dyDescent="0.15"/>
    <row r="273" ht="14.1" customHeight="1" x14ac:dyDescent="0.15"/>
    <row r="274" ht="14.1" customHeight="1" x14ac:dyDescent="0.15"/>
    <row r="275" ht="14.1" customHeight="1" x14ac:dyDescent="0.15"/>
    <row r="276" ht="14.1" customHeight="1" x14ac:dyDescent="0.15"/>
    <row r="277" ht="14.1" customHeight="1" x14ac:dyDescent="0.15"/>
    <row r="278" ht="14.1" customHeight="1" x14ac:dyDescent="0.15"/>
    <row r="279" ht="14.1" customHeight="1" x14ac:dyDescent="0.15"/>
    <row r="280" ht="14.1" customHeight="1" x14ac:dyDescent="0.15"/>
    <row r="281" ht="14.1" customHeight="1" x14ac:dyDescent="0.15"/>
    <row r="282" ht="14.1" customHeight="1" x14ac:dyDescent="0.15"/>
    <row r="283" ht="14.1" customHeight="1" x14ac:dyDescent="0.15"/>
    <row r="284" ht="14.1" customHeight="1" x14ac:dyDescent="0.15"/>
    <row r="285" ht="14.1" customHeight="1" x14ac:dyDescent="0.15"/>
    <row r="286" ht="14.1" customHeight="1" x14ac:dyDescent="0.15"/>
    <row r="287" ht="14.1" customHeight="1" x14ac:dyDescent="0.15"/>
    <row r="288" ht="14.1" customHeight="1" x14ac:dyDescent="0.15"/>
    <row r="289" ht="14.1" customHeight="1" x14ac:dyDescent="0.15"/>
    <row r="290" ht="14.1" customHeight="1" x14ac:dyDescent="0.15"/>
    <row r="291" ht="14.1" customHeight="1" x14ac:dyDescent="0.15"/>
    <row r="292" ht="14.1" customHeight="1" x14ac:dyDescent="0.15"/>
    <row r="293" ht="14.1" customHeight="1" x14ac:dyDescent="0.15"/>
    <row r="294" ht="14.1" customHeight="1" x14ac:dyDescent="0.15"/>
    <row r="295" ht="14.1" customHeight="1" x14ac:dyDescent="0.15"/>
    <row r="296" ht="14.1" customHeight="1" x14ac:dyDescent="0.15"/>
    <row r="297" ht="14.1" customHeight="1" x14ac:dyDescent="0.15"/>
    <row r="298" ht="14.1" customHeight="1" x14ac:dyDescent="0.15"/>
    <row r="299" ht="14.1" customHeight="1" x14ac:dyDescent="0.15"/>
    <row r="300" ht="14.1" customHeight="1" x14ac:dyDescent="0.15"/>
    <row r="301" ht="14.1" customHeight="1" x14ac:dyDescent="0.15"/>
    <row r="302" ht="14.1" customHeight="1" x14ac:dyDescent="0.15"/>
    <row r="303" ht="14.1" customHeight="1" x14ac:dyDescent="0.15"/>
    <row r="304" ht="14.1" customHeight="1" x14ac:dyDescent="0.15"/>
    <row r="305" ht="14.1" customHeight="1" x14ac:dyDescent="0.15"/>
    <row r="306" ht="14.1" customHeight="1" x14ac:dyDescent="0.15"/>
    <row r="307" ht="14.1" customHeight="1" x14ac:dyDescent="0.15"/>
    <row r="308" ht="14.1" customHeight="1" x14ac:dyDescent="0.15"/>
    <row r="309" ht="14.1" customHeight="1" x14ac:dyDescent="0.15"/>
    <row r="310" ht="14.1" customHeight="1" x14ac:dyDescent="0.15"/>
    <row r="311" ht="14.1" customHeight="1" x14ac:dyDescent="0.15"/>
    <row r="312" ht="14.1" customHeight="1" x14ac:dyDescent="0.15"/>
    <row r="313" ht="14.1" customHeight="1" x14ac:dyDescent="0.15"/>
    <row r="314" ht="14.1" customHeight="1" x14ac:dyDescent="0.15"/>
    <row r="315" ht="14.1" customHeight="1" x14ac:dyDescent="0.15"/>
    <row r="316" ht="14.1" customHeight="1" x14ac:dyDescent="0.15"/>
    <row r="317" ht="14.1" customHeight="1" x14ac:dyDescent="0.15"/>
    <row r="318" ht="14.1" customHeight="1" x14ac:dyDescent="0.15"/>
    <row r="319" ht="14.1" customHeight="1" x14ac:dyDescent="0.15"/>
    <row r="320" ht="14.1" customHeight="1" x14ac:dyDescent="0.15"/>
    <row r="321" ht="14.1" customHeight="1" x14ac:dyDescent="0.15"/>
    <row r="322" ht="14.1" customHeight="1" x14ac:dyDescent="0.15"/>
    <row r="323" ht="14.1" customHeight="1" x14ac:dyDescent="0.15"/>
    <row r="324" ht="14.1" customHeight="1" x14ac:dyDescent="0.15"/>
    <row r="325" ht="14.1" customHeight="1" x14ac:dyDescent="0.15"/>
    <row r="326" ht="14.1" customHeight="1" x14ac:dyDescent="0.15"/>
    <row r="327" ht="14.1" customHeight="1" x14ac:dyDescent="0.15"/>
    <row r="328" ht="14.1" customHeight="1" x14ac:dyDescent="0.15"/>
    <row r="329" ht="14.1" customHeight="1" x14ac:dyDescent="0.15"/>
    <row r="330" ht="14.1" customHeight="1" x14ac:dyDescent="0.15"/>
    <row r="331" ht="14.1" customHeight="1" x14ac:dyDescent="0.15"/>
    <row r="332" ht="14.1" customHeight="1" x14ac:dyDescent="0.15"/>
    <row r="333" ht="14.1" customHeight="1" x14ac:dyDescent="0.15"/>
    <row r="334" ht="14.1" customHeight="1" x14ac:dyDescent="0.15"/>
    <row r="335" ht="14.1" customHeight="1" x14ac:dyDescent="0.15"/>
    <row r="336" ht="14.1" customHeight="1" x14ac:dyDescent="0.15"/>
    <row r="337" ht="14.1" customHeight="1" x14ac:dyDescent="0.15"/>
    <row r="338" ht="14.1" customHeight="1" x14ac:dyDescent="0.15"/>
    <row r="339" ht="14.1" customHeight="1" x14ac:dyDescent="0.15"/>
    <row r="340" ht="14.1" customHeight="1" x14ac:dyDescent="0.15"/>
    <row r="341" ht="14.1" customHeight="1" x14ac:dyDescent="0.15"/>
    <row r="342" ht="14.1" customHeight="1" x14ac:dyDescent="0.15"/>
    <row r="343" ht="14.1" customHeight="1" x14ac:dyDescent="0.15"/>
    <row r="344" ht="14.1" customHeight="1" x14ac:dyDescent="0.15"/>
    <row r="345" ht="14.1" customHeight="1" x14ac:dyDescent="0.15"/>
    <row r="346" ht="14.1" customHeight="1" x14ac:dyDescent="0.15"/>
    <row r="347" ht="14.1" customHeight="1" x14ac:dyDescent="0.15"/>
    <row r="348" ht="14.1" customHeight="1" x14ac:dyDescent="0.15"/>
    <row r="349" ht="14.1" customHeight="1" x14ac:dyDescent="0.15"/>
    <row r="350" ht="14.1" customHeight="1" x14ac:dyDescent="0.15"/>
    <row r="351" ht="14.1" customHeight="1" x14ac:dyDescent="0.15"/>
    <row r="352" ht="14.1" customHeight="1" x14ac:dyDescent="0.15"/>
    <row r="353" ht="14.1" customHeight="1" x14ac:dyDescent="0.15"/>
    <row r="354" ht="14.1" customHeight="1" x14ac:dyDescent="0.15"/>
    <row r="355" ht="14.1" customHeight="1" x14ac:dyDescent="0.15"/>
    <row r="356" ht="14.1" customHeight="1" x14ac:dyDescent="0.15"/>
    <row r="357" ht="14.1" customHeight="1" x14ac:dyDescent="0.15"/>
    <row r="358" ht="14.1" customHeight="1" x14ac:dyDescent="0.15"/>
    <row r="359" ht="14.1" customHeight="1" x14ac:dyDescent="0.15"/>
    <row r="360" ht="14.1" customHeight="1" x14ac:dyDescent="0.15"/>
    <row r="361" ht="14.1" customHeight="1" x14ac:dyDescent="0.15"/>
    <row r="362" ht="14.1" customHeight="1" x14ac:dyDescent="0.15"/>
    <row r="363" ht="14.1" customHeight="1" x14ac:dyDescent="0.15"/>
    <row r="364" ht="14.1" customHeight="1" x14ac:dyDescent="0.15"/>
    <row r="365" ht="14.1" customHeight="1" x14ac:dyDescent="0.15"/>
    <row r="366" ht="14.1" customHeight="1" x14ac:dyDescent="0.15"/>
    <row r="367" ht="14.1" customHeight="1" x14ac:dyDescent="0.15"/>
    <row r="368" ht="14.1" customHeight="1" x14ac:dyDescent="0.15"/>
    <row r="369" ht="14.1" customHeight="1" x14ac:dyDescent="0.15"/>
    <row r="370" ht="14.1" customHeight="1" x14ac:dyDescent="0.15"/>
    <row r="371" ht="14.1" customHeight="1" x14ac:dyDescent="0.15"/>
    <row r="372" ht="14.1" customHeight="1" x14ac:dyDescent="0.15"/>
    <row r="373" ht="14.1" customHeight="1" x14ac:dyDescent="0.15"/>
    <row r="374" ht="14.1" customHeight="1" x14ac:dyDescent="0.15"/>
    <row r="375" ht="14.1" customHeight="1" x14ac:dyDescent="0.15"/>
    <row r="376" ht="14.1" customHeight="1" x14ac:dyDescent="0.15"/>
    <row r="377" ht="14.1" customHeight="1" x14ac:dyDescent="0.15"/>
    <row r="378" ht="14.1" customHeight="1" x14ac:dyDescent="0.15"/>
    <row r="379" ht="14.1" customHeight="1" x14ac:dyDescent="0.15"/>
    <row r="380" ht="14.1" customHeight="1" x14ac:dyDescent="0.15"/>
    <row r="381" ht="14.1" customHeight="1" x14ac:dyDescent="0.15"/>
    <row r="382" ht="14.1" customHeight="1" x14ac:dyDescent="0.15"/>
    <row r="383" ht="14.1" customHeight="1" x14ac:dyDescent="0.15"/>
    <row r="384" ht="14.1" customHeight="1" x14ac:dyDescent="0.15"/>
    <row r="385" ht="14.1" customHeight="1" x14ac:dyDescent="0.15"/>
    <row r="386" ht="14.1" customHeight="1" x14ac:dyDescent="0.15"/>
    <row r="387" ht="14.1" customHeight="1" x14ac:dyDescent="0.15"/>
    <row r="388" ht="14.1" customHeight="1" x14ac:dyDescent="0.15"/>
    <row r="389" ht="14.1" customHeight="1" x14ac:dyDescent="0.15"/>
    <row r="390" ht="14.1" customHeight="1" x14ac:dyDescent="0.15"/>
    <row r="391" ht="14.1" customHeight="1" x14ac:dyDescent="0.15"/>
    <row r="392" ht="14.1" customHeight="1" x14ac:dyDescent="0.15"/>
    <row r="393" ht="14.1" customHeight="1" x14ac:dyDescent="0.15"/>
    <row r="394" ht="14.1" customHeight="1" x14ac:dyDescent="0.15"/>
    <row r="395" ht="14.1" customHeight="1" x14ac:dyDescent="0.15"/>
    <row r="396" ht="14.1" customHeight="1" x14ac:dyDescent="0.15"/>
    <row r="397" ht="14.1" customHeight="1" x14ac:dyDescent="0.15"/>
    <row r="398" ht="14.1" customHeight="1" x14ac:dyDescent="0.15"/>
    <row r="399" ht="14.1" customHeight="1" x14ac:dyDescent="0.15"/>
    <row r="400" ht="14.1" customHeight="1" x14ac:dyDescent="0.15"/>
    <row r="401" ht="14.1" customHeight="1" x14ac:dyDescent="0.15"/>
    <row r="402" ht="14.1" customHeight="1" x14ac:dyDescent="0.15"/>
    <row r="403" ht="14.1" customHeight="1" x14ac:dyDescent="0.15"/>
    <row r="404" ht="14.1" customHeight="1" x14ac:dyDescent="0.15"/>
    <row r="405" ht="14.1" customHeight="1" x14ac:dyDescent="0.15"/>
    <row r="406" ht="14.1" customHeight="1" x14ac:dyDescent="0.15"/>
    <row r="407" ht="14.1" customHeight="1" x14ac:dyDescent="0.15"/>
    <row r="408" ht="14.1" customHeight="1" x14ac:dyDescent="0.15"/>
    <row r="409" ht="14.1" customHeight="1" x14ac:dyDescent="0.15"/>
    <row r="410" ht="14.1" customHeight="1" x14ac:dyDescent="0.15"/>
    <row r="411" ht="14.1" customHeight="1" x14ac:dyDescent="0.15"/>
    <row r="412" ht="14.1" customHeight="1" x14ac:dyDescent="0.15"/>
    <row r="413" ht="14.1" customHeight="1" x14ac:dyDescent="0.15"/>
    <row r="414" ht="14.1" customHeight="1" x14ac:dyDescent="0.15"/>
    <row r="415" ht="14.1" customHeight="1" x14ac:dyDescent="0.15"/>
    <row r="416" ht="14.1" customHeight="1" x14ac:dyDescent="0.15"/>
    <row r="417" ht="14.1" customHeight="1" x14ac:dyDescent="0.15"/>
    <row r="418" ht="14.1" customHeight="1" x14ac:dyDescent="0.15"/>
  </sheetData>
  <mergeCells count="202">
    <mergeCell ref="A1:E1"/>
    <mergeCell ref="A48:A56"/>
    <mergeCell ref="C59:D59"/>
    <mergeCell ref="C60:D60"/>
    <mergeCell ref="C61:D61"/>
    <mergeCell ref="A57:A61"/>
    <mergeCell ref="B74:D74"/>
    <mergeCell ref="C72:D72"/>
    <mergeCell ref="C73:D73"/>
    <mergeCell ref="B69:D69"/>
    <mergeCell ref="C67:D67"/>
    <mergeCell ref="C68:D68"/>
    <mergeCell ref="C70:D70"/>
    <mergeCell ref="C71:D71"/>
    <mergeCell ref="B62:D62"/>
    <mergeCell ref="B52:D52"/>
    <mergeCell ref="A9:A10"/>
    <mergeCell ref="B8:D8"/>
    <mergeCell ref="B9:D9"/>
    <mergeCell ref="B10:D10"/>
    <mergeCell ref="C64:D64"/>
    <mergeCell ref="B57:D57"/>
    <mergeCell ref="B227:D227"/>
    <mergeCell ref="B228:D228"/>
    <mergeCell ref="B229:D229"/>
    <mergeCell ref="B220:D220"/>
    <mergeCell ref="B221:D221"/>
    <mergeCell ref="B222:D222"/>
    <mergeCell ref="B223:D223"/>
    <mergeCell ref="B224:D224"/>
    <mergeCell ref="A62:A73"/>
    <mergeCell ref="A75:D75"/>
    <mergeCell ref="A76:E76"/>
    <mergeCell ref="A77:E77"/>
    <mergeCell ref="A78:E78"/>
    <mergeCell ref="A151:A153"/>
    <mergeCell ref="A154:A156"/>
    <mergeCell ref="A157:A170"/>
    <mergeCell ref="A184:A189"/>
    <mergeCell ref="A172:E172"/>
    <mergeCell ref="A101:A104"/>
    <mergeCell ref="C106:D106"/>
    <mergeCell ref="C107:D107"/>
    <mergeCell ref="A105:A107"/>
    <mergeCell ref="A108:A110"/>
    <mergeCell ref="B188:D188"/>
    <mergeCell ref="B218:D218"/>
    <mergeCell ref="B219:D219"/>
    <mergeCell ref="B192:D192"/>
    <mergeCell ref="B193:D193"/>
    <mergeCell ref="C194:D194"/>
    <mergeCell ref="C195:D195"/>
    <mergeCell ref="C196:D196"/>
    <mergeCell ref="B206:D206"/>
    <mergeCell ref="B207:D207"/>
    <mergeCell ref="B208:D208"/>
    <mergeCell ref="A209:E209"/>
    <mergeCell ref="A210:E210"/>
    <mergeCell ref="B142:D142"/>
    <mergeCell ref="B148:D148"/>
    <mergeCell ref="B149:D149"/>
    <mergeCell ref="B150:D150"/>
    <mergeCell ref="A149:A150"/>
    <mergeCell ref="A173:E173"/>
    <mergeCell ref="B163:D163"/>
    <mergeCell ref="B164:D164"/>
    <mergeCell ref="C165:D165"/>
    <mergeCell ref="B156:D156"/>
    <mergeCell ref="B157:D157"/>
    <mergeCell ref="B158:D158"/>
    <mergeCell ref="B225:D225"/>
    <mergeCell ref="B226:D226"/>
    <mergeCell ref="A216:E216"/>
    <mergeCell ref="A217:E217"/>
    <mergeCell ref="A211:E211"/>
    <mergeCell ref="A212:E212"/>
    <mergeCell ref="A213:E213"/>
    <mergeCell ref="A214:E214"/>
    <mergeCell ref="A215:E215"/>
    <mergeCell ref="B159:D159"/>
    <mergeCell ref="B160:D160"/>
    <mergeCell ref="B143:D143"/>
    <mergeCell ref="C145:D145"/>
    <mergeCell ref="C146:D146"/>
    <mergeCell ref="C147:D147"/>
    <mergeCell ref="C144:D144"/>
    <mergeCell ref="A143:A147"/>
    <mergeCell ref="B151:D151"/>
    <mergeCell ref="B161:D161"/>
    <mergeCell ref="B162:D162"/>
    <mergeCell ref="B152:D152"/>
    <mergeCell ref="B153:D153"/>
    <mergeCell ref="B154:D154"/>
    <mergeCell ref="B155:D155"/>
    <mergeCell ref="C187:D187"/>
    <mergeCell ref="B167:D167"/>
    <mergeCell ref="C166:D166"/>
    <mergeCell ref="C168:D168"/>
    <mergeCell ref="C169:D169"/>
    <mergeCell ref="C170:D170"/>
    <mergeCell ref="B181:D181"/>
    <mergeCell ref="B183:D183"/>
    <mergeCell ref="B190:D190"/>
    <mergeCell ref="B184:D184"/>
    <mergeCell ref="C185:D185"/>
    <mergeCell ref="C186:D186"/>
    <mergeCell ref="B139:D139"/>
    <mergeCell ref="B140:D140"/>
    <mergeCell ref="B204:D204"/>
    <mergeCell ref="B205:D205"/>
    <mergeCell ref="A203:E203"/>
    <mergeCell ref="A205:A207"/>
    <mergeCell ref="B131:D131"/>
    <mergeCell ref="B135:D135"/>
    <mergeCell ref="B136:D136"/>
    <mergeCell ref="B137:D137"/>
    <mergeCell ref="B138:D138"/>
    <mergeCell ref="A190:A197"/>
    <mergeCell ref="A141:E141"/>
    <mergeCell ref="B191:D191"/>
    <mergeCell ref="A182:E182"/>
    <mergeCell ref="B179:D179"/>
    <mergeCell ref="A175:E175"/>
    <mergeCell ref="A176:E176"/>
    <mergeCell ref="A177:E177"/>
    <mergeCell ref="A178:E178"/>
    <mergeCell ref="B197:D197"/>
    <mergeCell ref="B202:D202"/>
    <mergeCell ref="B171:D171"/>
    <mergeCell ref="C189:D189"/>
    <mergeCell ref="B126:D126"/>
    <mergeCell ref="B127:D127"/>
    <mergeCell ref="B128:D128"/>
    <mergeCell ref="B129:D129"/>
    <mergeCell ref="B130:D130"/>
    <mergeCell ref="B124:D124"/>
    <mergeCell ref="B125:D125"/>
    <mergeCell ref="A121:E121"/>
    <mergeCell ref="A122:E122"/>
    <mergeCell ref="A123:E123"/>
    <mergeCell ref="A116:E116"/>
    <mergeCell ref="A117:E117"/>
    <mergeCell ref="A118:E118"/>
    <mergeCell ref="A119:E119"/>
    <mergeCell ref="A120:E120"/>
    <mergeCell ref="B111:D111"/>
    <mergeCell ref="A112:E112"/>
    <mergeCell ref="A113:E113"/>
    <mergeCell ref="A114:E114"/>
    <mergeCell ref="A115:E115"/>
    <mergeCell ref="B108:D108"/>
    <mergeCell ref="B109:D109"/>
    <mergeCell ref="B110:D110"/>
    <mergeCell ref="B101:D101"/>
    <mergeCell ref="B102:D102"/>
    <mergeCell ref="B105:D105"/>
    <mergeCell ref="C103:D103"/>
    <mergeCell ref="C104:D104"/>
    <mergeCell ref="B98:D98"/>
    <mergeCell ref="C96:D96"/>
    <mergeCell ref="C97:D97"/>
    <mergeCell ref="C99:D99"/>
    <mergeCell ref="C100:D100"/>
    <mergeCell ref="B92:D92"/>
    <mergeCell ref="B93:D93"/>
    <mergeCell ref="B94:D94"/>
    <mergeCell ref="C95:D95"/>
    <mergeCell ref="A93:A100"/>
    <mergeCell ref="A84:E84"/>
    <mergeCell ref="A85:E85"/>
    <mergeCell ref="A90:E90"/>
    <mergeCell ref="A79:D79"/>
    <mergeCell ref="A80:E80"/>
    <mergeCell ref="A81:E81"/>
    <mergeCell ref="A11:A16"/>
    <mergeCell ref="B15:D15"/>
    <mergeCell ref="B16:D16"/>
    <mergeCell ref="B11:D11"/>
    <mergeCell ref="B12:D12"/>
    <mergeCell ref="B13:D13"/>
    <mergeCell ref="B14:D14"/>
    <mergeCell ref="B17:D17"/>
    <mergeCell ref="B18:D18"/>
    <mergeCell ref="B19:D19"/>
    <mergeCell ref="B20:D20"/>
    <mergeCell ref="A17:A20"/>
    <mergeCell ref="A22:E22"/>
    <mergeCell ref="A24:E24"/>
    <mergeCell ref="A26:E26"/>
    <mergeCell ref="B63:D63"/>
    <mergeCell ref="B58:D58"/>
    <mergeCell ref="B55:D55"/>
    <mergeCell ref="B47:D47"/>
    <mergeCell ref="C53:D53"/>
    <mergeCell ref="C54:D54"/>
    <mergeCell ref="B56:D56"/>
    <mergeCell ref="B48:D48"/>
    <mergeCell ref="A82:E82"/>
    <mergeCell ref="A83:E83"/>
    <mergeCell ref="B49:D49"/>
    <mergeCell ref="C50:D50"/>
    <mergeCell ref="C51:D51"/>
  </mergeCells>
  <phoneticPr fontId="1"/>
  <pageMargins left="0.51181102362204722" right="0.51181102362204722" top="0.74803149606299213" bottom="0.74803149606299213"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I14"/>
  <sheetViews>
    <sheetView view="pageBreakPreview" zoomScale="145" zoomScaleNormal="60" zoomScaleSheetLayoutView="145" workbookViewId="0">
      <selection activeCell="L5" sqref="L5"/>
    </sheetView>
  </sheetViews>
  <sheetFormatPr defaultColWidth="8.625" defaultRowHeight="11.25" x14ac:dyDescent="0.15"/>
  <cols>
    <col min="1" max="1" width="4.125" style="76" customWidth="1"/>
    <col min="2" max="2" width="4.625" style="78" customWidth="1"/>
    <col min="3" max="4" width="10.875" style="76" customWidth="1"/>
    <col min="5" max="5" width="9.625" style="78" bestFit="1" customWidth="1"/>
    <col min="6" max="7" width="10.875" style="76" customWidth="1"/>
    <col min="8" max="8" width="7.875" style="77" customWidth="1"/>
    <col min="9" max="9" width="50.375" style="76" bestFit="1" customWidth="1"/>
    <col min="10" max="16384" width="8.625" style="76"/>
  </cols>
  <sheetData>
    <row r="1" spans="2:9" x14ac:dyDescent="0.15">
      <c r="I1" s="102"/>
    </row>
    <row r="2" spans="2:9" ht="16.5" x14ac:dyDescent="0.15">
      <c r="B2" s="100" t="s">
        <v>194</v>
      </c>
      <c r="C2" s="101"/>
      <c r="D2" s="98"/>
      <c r="E2" s="100"/>
      <c r="F2" s="98"/>
      <c r="G2" s="98"/>
      <c r="H2" s="99"/>
      <c r="I2" s="98"/>
    </row>
    <row r="3" spans="2:9" ht="50.1" customHeight="1" x14ac:dyDescent="0.15">
      <c r="B3" s="97" t="s">
        <v>193</v>
      </c>
      <c r="C3" s="96"/>
      <c r="D3" s="96"/>
      <c r="E3" s="96"/>
      <c r="F3" s="96"/>
      <c r="G3" s="96"/>
      <c r="H3" s="96"/>
      <c r="I3" s="96"/>
    </row>
    <row r="4" spans="2:9" s="90" customFormat="1" ht="33.75" x14ac:dyDescent="0.15">
      <c r="B4" s="95" t="s">
        <v>192</v>
      </c>
      <c r="C4" s="94" t="s">
        <v>191</v>
      </c>
      <c r="D4" s="94" t="s">
        <v>190</v>
      </c>
      <c r="E4" s="93" t="s">
        <v>189</v>
      </c>
      <c r="F4" s="93" t="s">
        <v>188</v>
      </c>
      <c r="G4" s="93" t="s">
        <v>187</v>
      </c>
      <c r="H4" s="92" t="s">
        <v>186</v>
      </c>
      <c r="I4" s="91"/>
    </row>
    <row r="5" spans="2:9" ht="33.75" x14ac:dyDescent="0.15">
      <c r="B5" s="88" t="s">
        <v>185</v>
      </c>
      <c r="C5" s="87">
        <v>2000</v>
      </c>
      <c r="D5" s="87">
        <v>2000</v>
      </c>
      <c r="E5" s="89" t="s">
        <v>178</v>
      </c>
      <c r="F5" s="85">
        <v>0</v>
      </c>
      <c r="G5" s="85">
        <v>0</v>
      </c>
      <c r="H5" s="80" t="s">
        <v>165</v>
      </c>
      <c r="I5" s="79" t="s">
        <v>184</v>
      </c>
    </row>
    <row r="6" spans="2:9" ht="33.75" x14ac:dyDescent="0.15">
      <c r="B6" s="84"/>
      <c r="C6" s="83"/>
      <c r="D6" s="83"/>
      <c r="E6" s="82"/>
      <c r="F6" s="81"/>
      <c r="G6" s="81"/>
      <c r="H6" s="80" t="s">
        <v>163</v>
      </c>
      <c r="I6" s="80" t="s">
        <v>183</v>
      </c>
    </row>
    <row r="7" spans="2:9" ht="33.75" x14ac:dyDescent="0.15">
      <c r="B7" s="88" t="s">
        <v>182</v>
      </c>
      <c r="C7" s="87">
        <v>2000</v>
      </c>
      <c r="D7" s="87">
        <v>50</v>
      </c>
      <c r="E7" s="89" t="s">
        <v>178</v>
      </c>
      <c r="F7" s="85">
        <v>0</v>
      </c>
      <c r="G7" s="85">
        <v>0</v>
      </c>
      <c r="H7" s="80" t="s">
        <v>165</v>
      </c>
      <c r="I7" s="79" t="s">
        <v>181</v>
      </c>
    </row>
    <row r="8" spans="2:9" ht="33.75" x14ac:dyDescent="0.15">
      <c r="B8" s="84"/>
      <c r="C8" s="83"/>
      <c r="D8" s="83"/>
      <c r="E8" s="82"/>
      <c r="F8" s="81"/>
      <c r="G8" s="81"/>
      <c r="H8" s="80" t="s">
        <v>163</v>
      </c>
      <c r="I8" s="79" t="s">
        <v>180</v>
      </c>
    </row>
    <row r="9" spans="2:9" ht="33.75" x14ac:dyDescent="0.15">
      <c r="B9" s="88" t="s">
        <v>179</v>
      </c>
      <c r="C9" s="87">
        <v>5000</v>
      </c>
      <c r="D9" s="87">
        <v>5000</v>
      </c>
      <c r="E9" s="89" t="s">
        <v>178</v>
      </c>
      <c r="F9" s="85" t="s">
        <v>177</v>
      </c>
      <c r="G9" s="85" t="s">
        <v>177</v>
      </c>
      <c r="H9" s="80" t="s">
        <v>165</v>
      </c>
      <c r="I9" s="79" t="s">
        <v>171</v>
      </c>
    </row>
    <row r="10" spans="2:9" ht="33.75" x14ac:dyDescent="0.15">
      <c r="B10" s="84"/>
      <c r="C10" s="83"/>
      <c r="D10" s="83"/>
      <c r="E10" s="82"/>
      <c r="F10" s="81"/>
      <c r="G10" s="81"/>
      <c r="H10" s="80" t="s">
        <v>163</v>
      </c>
      <c r="I10" s="79" t="s">
        <v>176</v>
      </c>
    </row>
    <row r="11" spans="2:9" ht="33.75" x14ac:dyDescent="0.15">
      <c r="B11" s="88" t="s">
        <v>175</v>
      </c>
      <c r="C11" s="87">
        <v>11000</v>
      </c>
      <c r="D11" s="87">
        <v>11000</v>
      </c>
      <c r="E11" s="86" t="s">
        <v>174</v>
      </c>
      <c r="F11" s="85" t="s">
        <v>173</v>
      </c>
      <c r="G11" s="85" t="s">
        <v>172</v>
      </c>
      <c r="H11" s="80" t="s">
        <v>165</v>
      </c>
      <c r="I11" s="79" t="s">
        <v>171</v>
      </c>
    </row>
    <row r="12" spans="2:9" ht="33.75" x14ac:dyDescent="0.15">
      <c r="B12" s="84"/>
      <c r="C12" s="83"/>
      <c r="D12" s="83"/>
      <c r="E12" s="82"/>
      <c r="F12" s="81"/>
      <c r="G12" s="81"/>
      <c r="H12" s="80" t="s">
        <v>163</v>
      </c>
      <c r="I12" s="79" t="s">
        <v>170</v>
      </c>
    </row>
    <row r="13" spans="2:9" ht="45" x14ac:dyDescent="0.15">
      <c r="B13" s="88" t="s">
        <v>169</v>
      </c>
      <c r="C13" s="87">
        <v>20000</v>
      </c>
      <c r="D13" s="87">
        <v>20000</v>
      </c>
      <c r="E13" s="86" t="s">
        <v>168</v>
      </c>
      <c r="F13" s="85" t="s">
        <v>167</v>
      </c>
      <c r="G13" s="85" t="s">
        <v>166</v>
      </c>
      <c r="H13" s="80" t="s">
        <v>165</v>
      </c>
      <c r="I13" s="79" t="s">
        <v>164</v>
      </c>
    </row>
    <row r="14" spans="2:9" ht="45" x14ac:dyDescent="0.15">
      <c r="B14" s="84"/>
      <c r="C14" s="83"/>
      <c r="D14" s="83"/>
      <c r="E14" s="82"/>
      <c r="F14" s="81"/>
      <c r="G14" s="81"/>
      <c r="H14" s="80" t="s">
        <v>163</v>
      </c>
      <c r="I14" s="79" t="s">
        <v>162</v>
      </c>
    </row>
  </sheetData>
  <mergeCells count="32">
    <mergeCell ref="B3:I3"/>
    <mergeCell ref="B5:B6"/>
    <mergeCell ref="C5:C6"/>
    <mergeCell ref="D5:D6"/>
    <mergeCell ref="E5:E6"/>
    <mergeCell ref="H4:I4"/>
    <mergeCell ref="E9:E10"/>
    <mergeCell ref="E11:E12"/>
    <mergeCell ref="E13:E14"/>
    <mergeCell ref="D9:D10"/>
    <mergeCell ref="D11:D12"/>
    <mergeCell ref="D13:D14"/>
    <mergeCell ref="B13:B14"/>
    <mergeCell ref="C11:C12"/>
    <mergeCell ref="B11:B12"/>
    <mergeCell ref="B9:B10"/>
    <mergeCell ref="E7:E8"/>
    <mergeCell ref="D7:D8"/>
    <mergeCell ref="C7:C8"/>
    <mergeCell ref="B7:B8"/>
    <mergeCell ref="C9:C10"/>
    <mergeCell ref="C13:C14"/>
    <mergeCell ref="G13:G14"/>
    <mergeCell ref="F11:F12"/>
    <mergeCell ref="G11:G12"/>
    <mergeCell ref="F5:F6"/>
    <mergeCell ref="G5:G6"/>
    <mergeCell ref="G7:G8"/>
    <mergeCell ref="F7:F8"/>
    <mergeCell ref="F9:F10"/>
    <mergeCell ref="G9:G10"/>
    <mergeCell ref="F13:F14"/>
  </mergeCells>
  <phoneticPr fontId="1"/>
  <printOptions horizontalCentered="1" verticalCentered="1"/>
  <pageMargins left="0.78740157480314965" right="0.78740157480314965" top="0.78740157480314965" bottom="0.78740157480314965" header="0.31496062992125984" footer="0.31496062992125984"/>
  <pageSetup paperSize="9"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7</vt:i4>
      </vt:variant>
    </vt:vector>
  </HeadingPairs>
  <TitlesOfParts>
    <vt:vector size="9" baseType="lpstr">
      <vt:lpstr>【参考】建築物移動等円滑化基準チェックリスト</vt:lpstr>
      <vt:lpstr>【別紙】参考Ⅲ　政令第14条チェックリスト・参考様式（便所）</vt:lpstr>
      <vt:lpstr>【参考】建築物移動等円滑化基準チェックリスト!_ftn1</vt:lpstr>
      <vt:lpstr>【参考】建築物移動等円滑化基準チェックリスト!_ftn2</vt:lpstr>
      <vt:lpstr>【参考】建築物移動等円滑化基準チェックリスト!_ftn3</vt:lpstr>
      <vt:lpstr>【参考】建築物移動等円滑化基準チェックリスト!_ftnref1</vt:lpstr>
      <vt:lpstr>【参考】建築物移動等円滑化基準チェックリスト!_ftnref2</vt:lpstr>
      <vt:lpstr>【参考】建築物移動等円滑化基準チェックリスト!_ftnref3</vt:lpstr>
      <vt:lpstr>'【別紙】参考Ⅲ　政令第14条チェックリスト・参考様式（便所）'!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谷口　誠規</dc:creator>
  <cp:lastModifiedBy>谷口　誠規</cp:lastModifiedBy>
  <cp:lastPrinted>2025-06-03T07:52:53Z</cp:lastPrinted>
  <dcterms:created xsi:type="dcterms:W3CDTF">2025-04-18T06:48:25Z</dcterms:created>
  <dcterms:modified xsi:type="dcterms:W3CDTF">2025-06-03T08:02:55Z</dcterms:modified>
</cp:coreProperties>
</file>